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9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EAF1DD" w:themeFill="accent3" w:themeFillTint="33"/>
        <w:tblLayout w:type="fixed"/>
        <w:tblLook w:val="01E0" w:firstRow="1" w:lastRow="1" w:firstColumn="1" w:lastColumn="1" w:noHBand="0" w:noVBand="0"/>
      </w:tblPr>
      <w:tblGrid>
        <w:gridCol w:w="3529"/>
        <w:gridCol w:w="682"/>
        <w:gridCol w:w="1438"/>
        <w:gridCol w:w="2261"/>
        <w:gridCol w:w="2002"/>
      </w:tblGrid>
      <w:tr w:rsidR="0011486F" w:rsidRPr="00853857" w14:paraId="03DBEE3A" w14:textId="77777777" w:rsidTr="00A0183E">
        <w:trPr>
          <w:trHeight w:val="416"/>
        </w:trPr>
        <w:tc>
          <w:tcPr>
            <w:tcW w:w="9912" w:type="dxa"/>
            <w:gridSpan w:val="5"/>
            <w:shd w:val="clear" w:color="auto" w:fill="C2D69B" w:themeFill="accent3" w:themeFillTint="99"/>
            <w:vAlign w:val="center"/>
          </w:tcPr>
          <w:p w14:paraId="03DBEE39" w14:textId="77777777" w:rsidR="0011486F" w:rsidRPr="00AD6E60" w:rsidRDefault="00E772C4" w:rsidP="0025240E">
            <w:pPr>
              <w:tabs>
                <w:tab w:val="left" w:pos="7665"/>
              </w:tabs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4"/>
                <w:szCs w:val="24"/>
              </w:rPr>
              <w:t xml:space="preserve">Personalien des </w:t>
            </w:r>
            <w:r w:rsidR="0011486F" w:rsidRPr="00620455">
              <w:rPr>
                <w:rFonts w:ascii="Arial" w:hAnsi="Arial" w:cs="Arial"/>
                <w:b/>
                <w:sz w:val="24"/>
                <w:szCs w:val="24"/>
              </w:rPr>
              <w:t>Kin</w:t>
            </w:r>
            <w:r w:rsidR="00640423">
              <w:rPr>
                <w:rFonts w:ascii="Arial" w:hAnsi="Arial" w:cs="Arial"/>
                <w:b/>
                <w:sz w:val="24"/>
                <w:szCs w:val="24"/>
              </w:rPr>
              <w:t>d</w:t>
            </w:r>
            <w:r>
              <w:rPr>
                <w:rFonts w:ascii="Arial" w:hAnsi="Arial" w:cs="Arial"/>
                <w:b/>
                <w:sz w:val="24"/>
                <w:szCs w:val="24"/>
              </w:rPr>
              <w:t>es</w:t>
            </w:r>
            <w:r w:rsidR="00092035">
              <w:rPr>
                <w:rFonts w:ascii="Arial" w:hAnsi="Arial" w:cs="Arial"/>
                <w:b/>
                <w:sz w:val="20"/>
                <w:szCs w:val="20"/>
              </w:rPr>
              <w:t xml:space="preserve">        Pl</w:t>
            </w:r>
            <w:r w:rsidR="00C32DEF">
              <w:rPr>
                <w:rFonts w:ascii="Arial" w:hAnsi="Arial" w:cs="Arial"/>
                <w:b/>
                <w:sz w:val="20"/>
                <w:szCs w:val="20"/>
              </w:rPr>
              <w:t xml:space="preserve">an Nr. </w:t>
            </w:r>
            <w:bookmarkStart w:id="0" w:name="PlanNr"/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PlanNr"/>
                  <w:enabled/>
                  <w:calcOnExit w:val="0"/>
                  <w:textInput/>
                </w:ffData>
              </w:fldChar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0"/>
            <w:r w:rsidR="00B07864" w:rsidRPr="00853857">
              <w:rPr>
                <w:rFonts w:ascii="Arial" w:hAnsi="Arial" w:cs="Arial"/>
                <w:b/>
                <w:sz w:val="20"/>
                <w:szCs w:val="20"/>
              </w:rPr>
              <w:tab/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04537507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0370B9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="00326690" w:rsidRPr="00853857"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="00324DBD">
              <w:rPr>
                <w:rFonts w:ascii="Arial" w:hAnsi="Arial" w:cs="Arial"/>
                <w:noProof/>
                <w:sz w:val="20"/>
                <w:szCs w:val="20"/>
                <w:lang w:eastAsia="de-CH"/>
              </w:rPr>
              <w:drawing>
                <wp:inline distT="0" distB="0" distL="0" distR="0" wp14:anchorId="03DBEFB8" wp14:editId="03DBEFB9">
                  <wp:extent cx="142875" cy="190500"/>
                  <wp:effectExtent l="0" t="0" r="9525" b="12700"/>
                  <wp:docPr id="1" name="Bild 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>
                            <a:duotone>
                              <a:prstClr val="black"/>
                              <a:schemeClr val="accent3">
                                <a:tint val="45000"/>
                                <a:satMod val="400000"/>
                              </a:schemeClr>
                            </a:duotone>
                            <a:alphaModFix/>
                            <a:extLst>
                              <a:ext uri="{BEBA8EAE-BF5A-486C-A8C5-ECC9F3942E4B}">
                                <a14:imgProps xmlns:a14="http://schemas.microsoft.com/office/drawing/2010/main">
                                  <a14:imgLayer r:embed="rId13">
                                    <a14:imgEffect>
                                      <a14:colorTemperature colorTemp="11500"/>
                                    </a14:imgEffect>
                                    <a14:imgEffect>
                                      <a14:saturation sat="35000"/>
                                    </a14:imgEffect>
                                    <a14:imgEffect>
                                      <a14:brightnessContrast bright="-12000"/>
                                    </a14:imgEffect>
                                  </a14:imgLayer>
                                </a14:imgProps>
                              </a:ex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42875" cy="190500"/>
                          </a:xfrm>
                          <a:prstGeom prst="rect">
                            <a:avLst/>
                          </a:prstGeom>
                          <a:solidFill>
                            <a:schemeClr val="accent3">
                              <a:lumMod val="40000"/>
                              <a:lumOff val="60000"/>
                            </a:schemeClr>
                          </a:solidFill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="00326690" w:rsidRPr="00853857">
              <w:rPr>
                <w:rFonts w:ascii="Arial" w:hAnsi="Arial" w:cs="Arial"/>
                <w:sz w:val="20"/>
                <w:szCs w:val="20"/>
              </w:rPr>
              <w:t xml:space="preserve"> 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36859842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="00326690" w:rsidRPr="00853857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E5E28" w:rsidRPr="00A0183E">
              <w:rPr>
                <w:rFonts w:ascii="Arial" w:hAnsi="Arial" w:cs="Arial"/>
                <w:noProof/>
                <w:sz w:val="20"/>
                <w:szCs w:val="20"/>
                <w:shd w:val="clear" w:color="auto" w:fill="C2D69B" w:themeFill="accent3" w:themeFillTint="99"/>
                <w:lang w:eastAsia="de-CH"/>
              </w:rPr>
              <w:drawing>
                <wp:inline distT="0" distB="0" distL="0" distR="0" wp14:anchorId="03DBEFBA" wp14:editId="03DBEFBB">
                  <wp:extent cx="114300" cy="190500"/>
                  <wp:effectExtent l="0" t="0" r="12700" b="12700"/>
                  <wp:docPr id="2" name="Bild 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5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duotone>
                              <a:prstClr val="black"/>
                              <a:schemeClr val="accent3">
                                <a:tint val="45000"/>
                                <a:satMod val="400000"/>
                              </a:schemeClr>
                            </a:duotone>
                            <a:extLst>
                              <a:ext uri="{BEBA8EAE-BF5A-486C-A8C5-ECC9F3942E4B}">
                                <a14:imgProps xmlns:a14="http://schemas.microsoft.com/office/drawing/2010/main">
                                  <a14:imgLayer r:embed="rId15">
                                    <a14:imgEffect>
                                      <a14:colorTemperature colorTemp="11200"/>
                                    </a14:imgEffect>
                                    <a14:imgEffect>
                                      <a14:saturation sat="315000"/>
                                    </a14:imgEffect>
                                    <a14:imgEffect>
                                      <a14:brightnessContrast bright="-34000" contrast="61000"/>
                                    </a14:imgEffect>
                                  </a14:imgLayer>
                                </a14:imgProps>
                              </a:ex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4300" cy="1905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="00551A15">
              <w:rPr>
                <w:rFonts w:ascii="Arial" w:hAnsi="Arial" w:cs="Arial"/>
                <w:sz w:val="20"/>
                <w:szCs w:val="20"/>
              </w:rPr>
              <w:t xml:space="preserve"> 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84771848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="009013D2" w:rsidRPr="00E37E5A">
              <w:rPr>
                <w:rFonts w:ascii="Arial" w:hAnsi="Arial" w:cs="Arial"/>
                <w:noProof/>
                <w:sz w:val="20"/>
                <w:szCs w:val="20"/>
                <w:lang w:eastAsia="de-CH"/>
              </w:rPr>
              <w:t xml:space="preserve"> </w:t>
            </w:r>
            <w:r w:rsidR="00704290" w:rsidRPr="00E37E5A">
              <w:rPr>
                <w:rFonts w:ascii="Arial" w:hAnsi="Arial" w:cs="Arial"/>
                <w:noProof/>
                <w:sz w:val="20"/>
                <w:szCs w:val="20"/>
                <w:lang w:eastAsia="de-CH"/>
              </w:rPr>
              <w:drawing>
                <wp:inline distT="0" distB="0" distL="0" distR="0" wp14:anchorId="03DBEFBC" wp14:editId="03DBEFBD">
                  <wp:extent cx="127000" cy="179887"/>
                  <wp:effectExtent l="0" t="0" r="6350" b="0"/>
                  <wp:docPr id="5" name="Grafik 5" descr="C:\Users\i0300124\AppData\Local\Packages\Microsoft.MicrosoftEdge_8wekyb3d8bbwe\TempState\Downloads\kisspng-gender-symbol-transgender-hermaphrodite-intersex-symbols-5ac2c543e2e6c6.6902145315227139239294 (1)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0300124\AppData\Local\Packages\Microsoft.MicrosoftEdge_8wekyb3d8bbwe\TempState\Downloads\kisspng-gender-symbol-transgender-hermaphrodite-intersex-symbols-5ac2c543e2e6c6.6902145315227139239294 (1)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0028" cy="1841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AE598A" w:rsidRPr="00DA0828" w14:paraId="03DBEE40" w14:textId="77777777" w:rsidTr="00A0183E">
        <w:trPr>
          <w:trHeight w:val="435"/>
        </w:trPr>
        <w:tc>
          <w:tcPr>
            <w:tcW w:w="3529" w:type="dxa"/>
            <w:shd w:val="clear" w:color="auto" w:fill="EAF1DD" w:themeFill="accent3" w:themeFillTint="33"/>
            <w:vAlign w:val="center"/>
          </w:tcPr>
          <w:p w14:paraId="03DBEE3B" w14:textId="77777777" w:rsidR="00AE598A" w:rsidRPr="00DA0828" w:rsidRDefault="00AE598A" w:rsidP="0082771F">
            <w:pPr>
              <w:tabs>
                <w:tab w:val="left" w:pos="1134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FE592A"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  <w:t>Name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NAME"/>
                  <w:enabled/>
                  <w:calcOnExit/>
                  <w:textInput/>
                </w:ffData>
              </w:fldChar>
            </w:r>
            <w:bookmarkStart w:id="1" w:name="BetreuungsplanNAME"/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1"/>
          </w:p>
        </w:tc>
        <w:tc>
          <w:tcPr>
            <w:tcW w:w="2120" w:type="dxa"/>
            <w:gridSpan w:val="2"/>
            <w:vMerge w:val="restart"/>
            <w:shd w:val="clear" w:color="auto" w:fill="EAF1DD" w:themeFill="accent3" w:themeFillTint="33"/>
            <w:vAlign w:val="center"/>
          </w:tcPr>
          <w:p w14:paraId="03DBEE3C" w14:textId="77777777" w:rsidR="00AE598A" w:rsidRPr="00DA0828" w:rsidRDefault="00AE598A" w:rsidP="008C794A">
            <w:pPr>
              <w:tabs>
                <w:tab w:val="left" w:pos="1420"/>
              </w:tabs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FE592A"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  <w:t xml:space="preserve">Geburtsdatum </w:t>
            </w:r>
            <w:bookmarkStart w:id="2" w:name="BetreuungsplanGebdat"/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Gebdat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2"/>
          </w:p>
        </w:tc>
        <w:tc>
          <w:tcPr>
            <w:tcW w:w="4263" w:type="dxa"/>
            <w:gridSpan w:val="2"/>
            <w:tcBorders>
              <w:bottom w:val="nil"/>
            </w:tcBorders>
            <w:shd w:val="clear" w:color="auto" w:fill="EAF1DD" w:themeFill="accent3" w:themeFillTint="33"/>
            <w:vAlign w:val="center"/>
          </w:tcPr>
          <w:p w14:paraId="03DBEE3D" w14:textId="77777777" w:rsidR="00B76266" w:rsidRDefault="002E162A" w:rsidP="00FE26B1">
            <w:pPr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usgefüllt </w:t>
            </w:r>
            <w:r>
              <w:rPr>
                <w:rFonts w:ascii="Arial" w:hAnsi="Arial" w:cs="Arial"/>
                <w:sz w:val="20"/>
                <w:szCs w:val="20"/>
              </w:rPr>
              <w:t xml:space="preserve">und inhaltlich angepasst </w:t>
            </w:r>
          </w:p>
          <w:p w14:paraId="03DBEE3E" w14:textId="77777777" w:rsidR="002E162A" w:rsidRDefault="002E162A" w:rsidP="00FE26B1">
            <w:pPr>
              <w:spacing w:after="0"/>
              <w:ind w:right="-108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von  </w:t>
            </w:r>
            <w:bookmarkStart w:id="3" w:name="BetreuungsplanAusVon"/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end"/>
            </w:r>
            <w:bookmarkEnd w:id="3"/>
            <w:r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14:paraId="03DBEE3F" w14:textId="77777777" w:rsidR="00150185" w:rsidRPr="00DA0828" w:rsidRDefault="00B76266" w:rsidP="00B76266">
            <w:pPr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bCs/>
                <w:sz w:val="20"/>
                <w:szCs w:val="20"/>
              </w:rPr>
              <w:t>a</w:t>
            </w:r>
            <w:r w:rsidR="002E162A" w:rsidRPr="002E162A">
              <w:rPr>
                <w:rFonts w:ascii="Arial" w:hAnsi="Arial" w:cs="Arial"/>
                <w:bCs/>
                <w:sz w:val="20"/>
                <w:szCs w:val="20"/>
              </w:rPr>
              <w:t>m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="002E162A" w:rsidRPr="00DA0828">
              <w:rPr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="002E162A" w:rsidRPr="00DA0828">
              <w:rPr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="002E162A" w:rsidRPr="00DA0828">
              <w:rPr>
                <w:rFonts w:ascii="Arial" w:hAnsi="Arial" w:cs="Arial"/>
                <w:b/>
                <w:sz w:val="20"/>
                <w:szCs w:val="20"/>
              </w:rPr>
            </w:r>
            <w:r w:rsidR="002E162A" w:rsidRPr="00DA0828">
              <w:rPr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="002E162A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2E162A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2E162A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2E162A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2E162A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2E162A" w:rsidRPr="00DA0828">
              <w:rPr>
                <w:rFonts w:ascii="Arial" w:hAnsi="Arial" w:cs="Arial"/>
                <w:b/>
                <w:sz w:val="20"/>
                <w:szCs w:val="20"/>
              </w:rPr>
              <w:fldChar w:fldCharType="end"/>
            </w:r>
          </w:p>
        </w:tc>
      </w:tr>
      <w:tr w:rsidR="00AE598A" w:rsidRPr="00DA0828" w14:paraId="03DBEE44" w14:textId="77777777" w:rsidTr="00A0183E">
        <w:trPr>
          <w:trHeight w:val="509"/>
        </w:trPr>
        <w:tc>
          <w:tcPr>
            <w:tcW w:w="3529" w:type="dxa"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03DBEE41" w14:textId="77777777" w:rsidR="00AE598A" w:rsidRPr="00DA0828" w:rsidRDefault="00AE598A" w:rsidP="008C794A">
            <w:pPr>
              <w:tabs>
                <w:tab w:val="left" w:pos="1134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FE592A"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  <w:t>Vorname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bookmarkStart w:id="4" w:name="BetreuungsplanVornam"/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Vornam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4"/>
          </w:p>
        </w:tc>
        <w:tc>
          <w:tcPr>
            <w:tcW w:w="2120" w:type="dxa"/>
            <w:gridSpan w:val="2"/>
            <w:vMerge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03DBEE42" w14:textId="77777777" w:rsidR="00AE598A" w:rsidRPr="00DA0828" w:rsidRDefault="00AE598A" w:rsidP="001F4F0A">
            <w:pPr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63" w:type="dxa"/>
            <w:gridSpan w:val="2"/>
            <w:tcBorders>
              <w:top w:val="nil"/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03DBEE43" w14:textId="77777777" w:rsidR="00AE598A" w:rsidRPr="00DA0828" w:rsidRDefault="00AE598A" w:rsidP="0055242C">
            <w:pPr>
              <w:tabs>
                <w:tab w:val="left" w:pos="527"/>
              </w:tabs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br/>
            </w:r>
          </w:p>
        </w:tc>
      </w:tr>
      <w:tr w:rsidR="00AC60ED" w:rsidRPr="00DA0828" w14:paraId="03DBEE54" w14:textId="77777777" w:rsidTr="00AC60ED">
        <w:tblPrEx>
          <w:shd w:val="clear" w:color="auto" w:fill="auto"/>
        </w:tblPrEx>
        <w:trPr>
          <w:trHeight w:val="951"/>
        </w:trPr>
        <w:tc>
          <w:tcPr>
            <w:tcW w:w="4211" w:type="dxa"/>
            <w:gridSpan w:val="2"/>
            <w:vMerge w:val="restart"/>
            <w:shd w:val="clear" w:color="auto" w:fill="EAF1DD" w:themeFill="accent3" w:themeFillTint="33"/>
            <w:vAlign w:val="center"/>
          </w:tcPr>
          <w:p w14:paraId="03DBEE45" w14:textId="77777777" w:rsidR="00AC60ED" w:rsidRPr="00FE592A" w:rsidRDefault="00AC60ED" w:rsidP="00AC60ED">
            <w:pPr>
              <w:spacing w:after="0" w:line="240" w:lineRule="auto"/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</w:pPr>
            <w:r w:rsidRPr="00FE592A"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  <w:t>Eltern / Erziehungsberechtigte Person</w:t>
            </w:r>
          </w:p>
          <w:p w14:paraId="03DBEE46" w14:textId="77777777" w:rsidR="00AC60ED" w:rsidRP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noProof/>
                <w:sz w:val="20"/>
                <w:szCs w:val="20"/>
              </w:rPr>
              <w:t>Rolle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: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</w:p>
          <w:p w14:paraId="03DBEE47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Name: </w:t>
            </w:r>
            <w:r w:rsidR="008964D6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</w:p>
          <w:p w14:paraId="03DBEE48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Tel. Nr.: </w:t>
            </w:r>
          </w:p>
          <w:p w14:paraId="03DBEE49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-Mail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</w:p>
          <w:p w14:paraId="03DBEE4A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03DBEE4B" w14:textId="77777777" w:rsidR="00AC60ED" w:rsidRP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noProof/>
                <w:sz w:val="20"/>
                <w:szCs w:val="20"/>
              </w:rPr>
              <w:t>Rolle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  <w:r w:rsidR="002E162A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</w:p>
          <w:p w14:paraId="03DBEE4C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Name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</w:p>
          <w:p w14:paraId="03DBEE4D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Tel. Nr.: </w:t>
            </w:r>
          </w:p>
          <w:p w14:paraId="03DBEE4E" w14:textId="77777777" w:rsidR="00AC60ED" w:rsidRPr="00DA0828" w:rsidRDefault="00AC60ED" w:rsidP="008964D6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-Mail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</w:p>
        </w:tc>
        <w:tc>
          <w:tcPr>
            <w:tcW w:w="5701" w:type="dxa"/>
            <w:gridSpan w:val="3"/>
            <w:shd w:val="clear" w:color="auto" w:fill="EAF1DD" w:themeFill="accent3" w:themeFillTint="33"/>
            <w:vAlign w:val="center"/>
          </w:tcPr>
          <w:p w14:paraId="03DBEE4F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Adresse</w:t>
            </w:r>
          </w:p>
          <w:p w14:paraId="03DBEE50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03DBEE51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03DBEE52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03DBEE53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AC60ED" w:rsidRPr="00DA0828" w14:paraId="03DBEE59" w14:textId="77777777" w:rsidTr="00A0183E">
        <w:tblPrEx>
          <w:shd w:val="clear" w:color="auto" w:fill="auto"/>
        </w:tblPrEx>
        <w:trPr>
          <w:trHeight w:val="340"/>
        </w:trPr>
        <w:tc>
          <w:tcPr>
            <w:tcW w:w="4211" w:type="dxa"/>
            <w:gridSpan w:val="2"/>
            <w:vMerge/>
            <w:shd w:val="clear" w:color="auto" w:fill="EAF1DD" w:themeFill="accent3" w:themeFillTint="33"/>
            <w:vAlign w:val="center"/>
          </w:tcPr>
          <w:p w14:paraId="03DBEE55" w14:textId="77777777" w:rsidR="00AC60ED" w:rsidRPr="00DA0828" w:rsidRDefault="00AC60ED" w:rsidP="00AC60E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shd w:val="clear" w:color="auto" w:fill="EAF1DD" w:themeFill="accent3" w:themeFillTint="33"/>
            <w:vAlign w:val="center"/>
          </w:tcPr>
          <w:p w14:paraId="03DBEE56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Geschwister (Name und Geburtsdatum)</w:t>
            </w:r>
          </w:p>
          <w:p w14:paraId="03DBEE57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03DBEE58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AC60ED" w:rsidRPr="00DA0828" w14:paraId="03DBEE5E" w14:textId="77777777" w:rsidTr="00F4727F">
        <w:tblPrEx>
          <w:shd w:val="clear" w:color="auto" w:fill="auto"/>
        </w:tblPrEx>
        <w:trPr>
          <w:trHeight w:val="340"/>
        </w:trPr>
        <w:tc>
          <w:tcPr>
            <w:tcW w:w="4211" w:type="dxa"/>
            <w:gridSpan w:val="2"/>
            <w:vMerge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03DBEE5A" w14:textId="77777777" w:rsidR="00AC60ED" w:rsidRPr="00DA0828" w:rsidRDefault="00AC60ED" w:rsidP="00AC60E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03DBEE5B" w14:textId="77777777" w:rsidR="00F4727F" w:rsidRPr="00DA0828" w:rsidRDefault="00F4727F" w:rsidP="00F4727F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noProof/>
                <w:sz w:val="20"/>
                <w:szCs w:val="20"/>
              </w:rPr>
              <w:t>Andere Bezugsperson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</w:p>
          <w:p w14:paraId="03DBEE5C" w14:textId="77777777" w:rsidR="00F4727F" w:rsidRDefault="00F4727F" w:rsidP="00F4727F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Tel. Nr.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            </w:t>
            </w:r>
          </w:p>
          <w:p w14:paraId="03DBEE5D" w14:textId="77777777" w:rsidR="00AC60ED" w:rsidRPr="00DA0828" w:rsidRDefault="00F4727F" w:rsidP="008964D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-Mail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             </w:t>
            </w:r>
          </w:p>
        </w:tc>
      </w:tr>
      <w:tr w:rsidR="00F4727F" w:rsidRPr="00DA0828" w14:paraId="03DBEE6A" w14:textId="77777777" w:rsidTr="00F4727F">
        <w:tblPrEx>
          <w:shd w:val="clear" w:color="auto" w:fill="auto"/>
        </w:tblPrEx>
        <w:trPr>
          <w:trHeight w:val="692"/>
        </w:trPr>
        <w:tc>
          <w:tcPr>
            <w:tcW w:w="4211" w:type="dxa"/>
            <w:gridSpan w:val="2"/>
            <w:shd w:val="clear" w:color="auto" w:fill="EAF1DD" w:themeFill="accent3" w:themeFillTint="33"/>
          </w:tcPr>
          <w:p w14:paraId="03DBEE5F" w14:textId="77777777" w:rsidR="00F4727F" w:rsidRPr="00DA0828" w:rsidRDefault="00F4727F" w:rsidP="00AC60ED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Schule / Heim</w:t>
            </w:r>
          </w:p>
          <w:p w14:paraId="03DBEE60" w14:textId="77777777" w:rsidR="00F4727F" w:rsidRPr="00DA0828" w:rsidRDefault="00F4727F" w:rsidP="00AC60ED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03DBEE61" w14:textId="77777777" w:rsidR="00F4727F" w:rsidRPr="00DA0828" w:rsidRDefault="00F4727F" w:rsidP="00AC60ED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03DBEE62" w14:textId="77777777" w:rsidR="00F4727F" w:rsidRPr="00DA0828" w:rsidRDefault="00F4727F" w:rsidP="00F4727F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Bezugsperson: </w:t>
            </w:r>
          </w:p>
          <w:p w14:paraId="03DBEE63" w14:textId="77777777" w:rsidR="00F4727F" w:rsidRPr="00DA0828" w:rsidRDefault="00F4727F" w:rsidP="00AC60E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03DBEE64" w14:textId="77777777" w:rsidR="00310D4B" w:rsidRDefault="00F4727F" w:rsidP="00AC60ED">
            <w:pPr>
              <w:spacing w:after="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Spiritualität / Religion</w:t>
            </w:r>
          </w:p>
          <w:p w14:paraId="03DBEE65" w14:textId="77777777" w:rsidR="00F4727F" w:rsidRDefault="00F4727F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  <w:p w14:paraId="03DBEE66" w14:textId="77777777" w:rsidR="00F4727F" w:rsidRDefault="00F4727F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03DBEE67" w14:textId="77777777" w:rsidR="00310D4B" w:rsidRDefault="00310D4B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03DBEE68" w14:textId="77777777" w:rsidR="00310D4B" w:rsidRDefault="00310D4B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03DBEE69" w14:textId="77777777" w:rsidR="00310D4B" w:rsidRPr="00DA0828" w:rsidRDefault="00310D4B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AC60ED" w:rsidRPr="00DA0828" w14:paraId="03DBEE6C" w14:textId="77777777" w:rsidTr="00A0183E">
        <w:tblPrEx>
          <w:shd w:val="clear" w:color="auto" w:fill="auto"/>
        </w:tblPrEx>
        <w:trPr>
          <w:trHeight w:val="364"/>
        </w:trPr>
        <w:tc>
          <w:tcPr>
            <w:tcW w:w="9912" w:type="dxa"/>
            <w:gridSpan w:val="5"/>
            <w:tcBorders>
              <w:left w:val="single" w:sz="4" w:space="0" w:color="auto"/>
              <w:right w:val="single" w:sz="4" w:space="0" w:color="auto"/>
            </w:tcBorders>
            <w:shd w:val="clear" w:color="auto" w:fill="EAF1DD" w:themeFill="accent3" w:themeFillTint="33"/>
            <w:vAlign w:val="center"/>
          </w:tcPr>
          <w:p w14:paraId="03DBEE6B" w14:textId="77777777" w:rsidR="00AC60ED" w:rsidRDefault="00AC60ED" w:rsidP="008964D6">
            <w:pPr>
              <w:tabs>
                <w:tab w:val="left" w:pos="4485"/>
              </w:tabs>
              <w:spacing w:after="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 xml:space="preserve">Sprache </w:t>
            </w:r>
            <w:r w:rsidR="008964D6">
              <w:rPr>
                <w:rFonts w:ascii="Arial" w:hAnsi="Arial" w:cs="Arial"/>
                <w:sz w:val="20"/>
                <w:szCs w:val="20"/>
              </w:rPr>
              <w:t xml:space="preserve">          </w:t>
            </w:r>
            <w:r>
              <w:rPr>
                <w:rFonts w:ascii="Arial" w:hAnsi="Arial" w:cs="Arial"/>
                <w:sz w:val="20"/>
                <w:szCs w:val="20"/>
              </w:rPr>
              <w:t xml:space="preserve">     </w:t>
            </w:r>
            <w:r w:rsidRPr="00D2076F">
              <w:rPr>
                <w:rFonts w:ascii="Arial" w:hAnsi="Arial" w:cs="Arial"/>
                <w:b/>
                <w:sz w:val="20"/>
                <w:szCs w:val="20"/>
              </w:rPr>
              <w:t>Dolmetscher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(falls bekannt)</w:t>
            </w:r>
            <w:r w:rsidR="008964D6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AC60ED" w:rsidRPr="00DA0828" w14:paraId="03DBEE74" w14:textId="77777777" w:rsidTr="00D7692D">
        <w:tc>
          <w:tcPr>
            <w:tcW w:w="7910" w:type="dxa"/>
            <w:gridSpan w:val="4"/>
            <w:vMerge w:val="restart"/>
            <w:shd w:val="clear" w:color="auto" w:fill="EAF1DD" w:themeFill="accent3" w:themeFillTint="33"/>
          </w:tcPr>
          <w:p w14:paraId="03DBEE6D" w14:textId="77777777" w:rsidR="00AC60ED" w:rsidRPr="00DA0828" w:rsidRDefault="00F4727F" w:rsidP="00AC60ED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Relevante </w:t>
            </w:r>
            <w:r w:rsidR="00AC60ED" w:rsidRPr="00DA0828">
              <w:rPr>
                <w:rFonts w:ascii="Arial" w:hAnsi="Arial" w:cs="Arial"/>
                <w:b/>
                <w:sz w:val="20"/>
                <w:szCs w:val="20"/>
              </w:rPr>
              <w:t>Diagnosen</w:t>
            </w:r>
          </w:p>
          <w:p w14:paraId="03DBEE6E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  <w:p w14:paraId="03DBEE6F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  <w:p w14:paraId="03DBEE70" w14:textId="77777777" w:rsidR="00F4727F" w:rsidRPr="00DA0828" w:rsidRDefault="00F4727F" w:rsidP="00F4727F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  <w:p w14:paraId="03DBEE71" w14:textId="77777777" w:rsidR="00F4727F" w:rsidRPr="00DA0828" w:rsidRDefault="00F4727F" w:rsidP="00F4727F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  <w:p w14:paraId="03DBEE72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tcBorders>
              <w:bottom w:val="nil"/>
            </w:tcBorders>
            <w:shd w:val="clear" w:color="auto" w:fill="EAF1DD" w:themeFill="accent3" w:themeFillTint="33"/>
          </w:tcPr>
          <w:p w14:paraId="03DBEE73" w14:textId="77777777" w:rsidR="00AC60ED" w:rsidRPr="00DA0828" w:rsidRDefault="00AC60ED" w:rsidP="008964D6">
            <w:pPr>
              <w:tabs>
                <w:tab w:val="left" w:pos="1029"/>
              </w:tabs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Gewicht: </w:t>
            </w:r>
            <w:r w:rsidR="008964D6">
              <w:rPr>
                <w:rFonts w:ascii="Arial" w:hAnsi="Arial" w:cs="Arial"/>
                <w:sz w:val="20"/>
                <w:szCs w:val="20"/>
              </w:rPr>
              <w:t xml:space="preserve">      </w:t>
            </w:r>
            <w:r w:rsidRPr="00DA0828">
              <w:rPr>
                <w:rFonts w:ascii="Arial" w:hAnsi="Arial" w:cs="Arial"/>
                <w:sz w:val="20"/>
                <w:szCs w:val="20"/>
              </w:rPr>
              <w:t>kg</w:t>
            </w:r>
          </w:p>
        </w:tc>
      </w:tr>
      <w:tr w:rsidR="00AC60ED" w:rsidRPr="00DA0828" w14:paraId="03DBEE78" w14:textId="77777777" w:rsidTr="00D7692D">
        <w:trPr>
          <w:trHeight w:val="923"/>
        </w:trPr>
        <w:tc>
          <w:tcPr>
            <w:tcW w:w="7910" w:type="dxa"/>
            <w:gridSpan w:val="4"/>
            <w:vMerge/>
            <w:shd w:val="clear" w:color="auto" w:fill="EAF1DD" w:themeFill="accent3" w:themeFillTint="33"/>
          </w:tcPr>
          <w:p w14:paraId="03DBEE75" w14:textId="77777777" w:rsidR="00AC60ED" w:rsidRPr="00DA0828" w:rsidRDefault="00AC60ED" w:rsidP="00AC60ED">
            <w:pPr>
              <w:spacing w:before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tcBorders>
              <w:top w:val="nil"/>
            </w:tcBorders>
            <w:shd w:val="clear" w:color="auto" w:fill="EAF1DD" w:themeFill="accent3" w:themeFillTint="33"/>
          </w:tcPr>
          <w:p w14:paraId="03DBEE76" w14:textId="77777777" w:rsidR="00AC60ED" w:rsidRPr="00DA0828" w:rsidRDefault="00AC60ED" w:rsidP="00AC60ED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Länge: </w:t>
            </w:r>
            <w:r w:rsidR="008964D6">
              <w:rPr>
                <w:rFonts w:ascii="Arial" w:hAnsi="Arial" w:cs="Arial"/>
                <w:sz w:val="20"/>
                <w:szCs w:val="20"/>
              </w:rPr>
              <w:t xml:space="preserve">     </w:t>
            </w:r>
            <w:r w:rsidRPr="00DA0828">
              <w:rPr>
                <w:rFonts w:ascii="Arial" w:hAnsi="Arial" w:cs="Arial"/>
                <w:sz w:val="20"/>
                <w:szCs w:val="20"/>
              </w:rPr>
              <w:t>cm</w:t>
            </w:r>
          </w:p>
          <w:p w14:paraId="03DBEE77" w14:textId="77777777" w:rsidR="00AC60ED" w:rsidRPr="00DA0828" w:rsidRDefault="00AC60ED" w:rsidP="008964D6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Erhoben/aktualisiert am: </w:t>
            </w:r>
          </w:p>
        </w:tc>
      </w:tr>
      <w:tr w:rsidR="00AC60ED" w:rsidRPr="00DA0828" w14:paraId="03DBEE80" w14:textId="77777777" w:rsidTr="00D7692D">
        <w:trPr>
          <w:trHeight w:val="1426"/>
        </w:trPr>
        <w:tc>
          <w:tcPr>
            <w:tcW w:w="7910" w:type="dxa"/>
            <w:gridSpan w:val="4"/>
            <w:vMerge/>
            <w:shd w:val="clear" w:color="auto" w:fill="EAF1DD" w:themeFill="accent3" w:themeFillTint="33"/>
          </w:tcPr>
          <w:p w14:paraId="03DBEE79" w14:textId="77777777" w:rsidR="00AC60ED" w:rsidRPr="00DA0828" w:rsidRDefault="00AC60ED" w:rsidP="00AC60ED">
            <w:pPr>
              <w:spacing w:before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shd w:val="clear" w:color="auto" w:fill="EAF1DD" w:themeFill="accent3" w:themeFillTint="33"/>
          </w:tcPr>
          <w:p w14:paraId="03DBEE7A" w14:textId="77777777" w:rsidR="00AC60ED" w:rsidRPr="00DA0828" w:rsidRDefault="00AC60ED" w:rsidP="00AC60ED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START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: </w:t>
            </w:r>
          </w:p>
          <w:p w14:paraId="03DBEE7B" w14:textId="77777777" w:rsidR="00730813" w:rsidRDefault="00730813" w:rsidP="00730813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Intensitätsstufe </w:t>
            </w:r>
            <w:r>
              <w:rPr>
                <w:rFonts w:ascii="Arial" w:hAnsi="Arial" w:cs="Arial"/>
                <w:sz w:val="20"/>
                <w:szCs w:val="20"/>
              </w:rPr>
              <w:br/>
              <w:t xml:space="preserve">(Radar/(IM-)PACT: </w:t>
            </w:r>
          </w:p>
          <w:p w14:paraId="03DBEE7C" w14:textId="77777777" w:rsidR="008964D6" w:rsidRDefault="008964D6" w:rsidP="00730813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</w:p>
          <w:p w14:paraId="03DBEE7D" w14:textId="77777777" w:rsidR="00730813" w:rsidRDefault="00730813" w:rsidP="00730813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Punkte: </w:t>
            </w:r>
          </w:p>
          <w:p w14:paraId="03DBEE7E" w14:textId="77777777" w:rsidR="00AC60ED" w:rsidRDefault="00AC60ED" w:rsidP="00AC60ED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Erhoben/aktualisiert am: </w:t>
            </w:r>
          </w:p>
          <w:p w14:paraId="03DBEE7F" w14:textId="77777777" w:rsidR="00AC60ED" w:rsidRPr="006B609F" w:rsidRDefault="00AC60ED" w:rsidP="00AC60ED">
            <w:pPr>
              <w:tabs>
                <w:tab w:val="left" w:pos="1026"/>
              </w:tabs>
              <w:spacing w:after="60" w:line="24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C60ED" w:rsidRPr="00DA0828" w14:paraId="03DBEE86" w14:textId="77777777" w:rsidTr="00A0183E">
        <w:trPr>
          <w:trHeight w:val="397"/>
        </w:trPr>
        <w:tc>
          <w:tcPr>
            <w:tcW w:w="9912" w:type="dxa"/>
            <w:gridSpan w:val="5"/>
            <w:tcBorders>
              <w:bottom w:val="single" w:sz="4" w:space="0" w:color="auto"/>
            </w:tcBorders>
            <w:shd w:val="clear" w:color="auto" w:fill="EAF1DD" w:themeFill="accent3" w:themeFillTint="33"/>
            <w:vAlign w:val="bottom"/>
          </w:tcPr>
          <w:p w14:paraId="03DBEE81" w14:textId="77777777" w:rsidR="00AC60ED" w:rsidRPr="00DA0828" w:rsidRDefault="00AC60ED" w:rsidP="00AC60ED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Relevante 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>Allergien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>/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Nebenwirkungen / Unwirksamkeiten</w:t>
            </w:r>
            <w:r w:rsidRPr="00DA0828">
              <w:rPr>
                <w:rFonts w:ascii="Arial" w:hAnsi="Arial" w:cs="Arial"/>
                <w:sz w:val="20"/>
                <w:szCs w:val="20"/>
              </w:rPr>
              <w:tab/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52270580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Pr="00AC60ED">
              <w:rPr>
                <w:rFonts w:ascii="Arial" w:hAnsi="Arial" w:cs="Arial"/>
                <w:b/>
                <w:sz w:val="20"/>
                <w:szCs w:val="20"/>
              </w:rPr>
              <w:t>Notfallausweis vorhanden</w:t>
            </w:r>
          </w:p>
          <w:p w14:paraId="03DBEE82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  <w:p w14:paraId="03DBEE83" w14:textId="77777777" w:rsidR="008964D6" w:rsidRDefault="008964D6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  <w:p w14:paraId="03DBEE84" w14:textId="77777777" w:rsidR="008964D6" w:rsidRPr="00DA0828" w:rsidRDefault="008964D6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  <w:p w14:paraId="03DBEE85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9C3712" w:rsidRPr="00DA0828" w14:paraId="03DBEE8A" w14:textId="77777777" w:rsidTr="0006706D">
        <w:trPr>
          <w:trHeight w:val="397"/>
        </w:trPr>
        <w:tc>
          <w:tcPr>
            <w:tcW w:w="9912" w:type="dxa"/>
            <w:gridSpan w:val="5"/>
            <w:tcBorders>
              <w:bottom w:val="single" w:sz="4" w:space="0" w:color="auto"/>
            </w:tcBorders>
            <w:shd w:val="clear" w:color="auto" w:fill="E5DFEC" w:themeFill="accent4" w:themeFillTint="33"/>
            <w:vAlign w:val="bottom"/>
          </w:tcPr>
          <w:p w14:paraId="03DBEE87" w14:textId="77777777" w:rsidR="00FA53EE" w:rsidRDefault="00FA53EE" w:rsidP="00FA53EE">
            <w:pPr>
              <w:spacing w:line="240" w:lineRule="auto"/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Cs w:val="20"/>
              </w:rPr>
              <w:t xml:space="preserve">Was macht 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Vornam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r w:rsidRPr="003840B1">
              <w:rPr>
                <w:rFonts w:cs="Arial"/>
                <w:b/>
                <w:szCs w:val="20"/>
              </w:rPr>
              <w:t xml:space="preserve"> ’</w:t>
            </w:r>
            <w:r>
              <w:rPr>
                <w:rFonts w:cs="Arial"/>
                <w:b/>
                <w:szCs w:val="20"/>
              </w:rPr>
              <w:t>s Lebensqualität aus:</w:t>
            </w:r>
          </w:p>
          <w:p w14:paraId="03DBEE88" w14:textId="77777777" w:rsidR="009C3712" w:rsidRDefault="009C3712" w:rsidP="00AC60ED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03DBEE89" w14:textId="77777777" w:rsidR="009C3712" w:rsidRDefault="009C3712" w:rsidP="00AC60ED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87109" w:rsidRPr="00DA0828" w14:paraId="03DBEE8E" w14:textId="77777777" w:rsidTr="0006706D">
        <w:trPr>
          <w:trHeight w:val="397"/>
        </w:trPr>
        <w:tc>
          <w:tcPr>
            <w:tcW w:w="9912" w:type="dxa"/>
            <w:gridSpan w:val="5"/>
            <w:tcBorders>
              <w:bottom w:val="single" w:sz="4" w:space="0" w:color="auto"/>
            </w:tcBorders>
            <w:shd w:val="clear" w:color="auto" w:fill="E5DFEC" w:themeFill="accent4" w:themeFillTint="33"/>
            <w:vAlign w:val="bottom"/>
          </w:tcPr>
          <w:p w14:paraId="03DBEE8B" w14:textId="77777777" w:rsidR="00FA53EE" w:rsidRDefault="00FA53EE" w:rsidP="00FA53EE">
            <w:pPr>
              <w:spacing w:line="240" w:lineRule="auto"/>
              <w:jc w:val="both"/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Cs w:val="20"/>
              </w:rPr>
              <w:t>Besondere Wünsche und wichtige Kraftquellen/Ressourcen von Kind / Patient und Familie:</w:t>
            </w:r>
          </w:p>
          <w:p w14:paraId="03DBEE8C" w14:textId="77777777" w:rsidR="00787109" w:rsidRDefault="00787109" w:rsidP="00787109">
            <w:pPr>
              <w:spacing w:line="240" w:lineRule="auto"/>
              <w:jc w:val="both"/>
              <w:rPr>
                <w:rFonts w:cs="Arial"/>
                <w:b/>
                <w:szCs w:val="20"/>
              </w:rPr>
            </w:pPr>
          </w:p>
          <w:p w14:paraId="03DBEE8D" w14:textId="77777777" w:rsidR="00FA53EE" w:rsidRDefault="00FA53EE" w:rsidP="00787109">
            <w:pPr>
              <w:spacing w:line="240" w:lineRule="auto"/>
              <w:jc w:val="both"/>
              <w:rPr>
                <w:rFonts w:cs="Arial"/>
                <w:b/>
                <w:szCs w:val="20"/>
              </w:rPr>
            </w:pPr>
          </w:p>
        </w:tc>
      </w:tr>
    </w:tbl>
    <w:p w14:paraId="03DBEE8F" w14:textId="77777777" w:rsidR="00542C08" w:rsidRDefault="00542C08">
      <w:r>
        <w:br w:type="page"/>
      </w:r>
    </w:p>
    <w:tbl>
      <w:tblPr>
        <w:tblW w:w="9912" w:type="dxa"/>
        <w:tblInd w:w="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EAF1DD" w:themeFill="accent3" w:themeFillTint="33"/>
        <w:tblLayout w:type="fixed"/>
        <w:tblLook w:val="01E0" w:firstRow="1" w:lastRow="1" w:firstColumn="1" w:lastColumn="1" w:noHBand="0" w:noVBand="0"/>
      </w:tblPr>
      <w:tblGrid>
        <w:gridCol w:w="9912"/>
      </w:tblGrid>
      <w:tr w:rsidR="00A0183E" w:rsidRPr="00DA0828" w14:paraId="03DBEE92" w14:textId="77777777" w:rsidTr="00542C08">
        <w:trPr>
          <w:trHeight w:val="397"/>
        </w:trPr>
        <w:tc>
          <w:tcPr>
            <w:tcW w:w="9912" w:type="dxa"/>
            <w:tcBorders>
              <w:left w:val="nil"/>
              <w:bottom w:val="nil"/>
              <w:right w:val="nil"/>
            </w:tcBorders>
            <w:shd w:val="clear" w:color="auto" w:fill="FFFFFF" w:themeFill="background1"/>
            <w:vAlign w:val="bottom"/>
          </w:tcPr>
          <w:p w14:paraId="03DBEE90" w14:textId="77777777" w:rsidR="00A0183E" w:rsidRDefault="00A0183E" w:rsidP="00AE598A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03DBEE91" w14:textId="77777777" w:rsidR="00A0183E" w:rsidRPr="00DA0828" w:rsidRDefault="00A0183E" w:rsidP="00AE598A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tbl>
      <w:tblPr>
        <w:tblStyle w:val="Tabellenraster1"/>
        <w:tblW w:w="9892" w:type="dxa"/>
        <w:tblBorders>
          <w:top w:val="triple" w:sz="4" w:space="0" w:color="auto"/>
          <w:left w:val="triple" w:sz="4" w:space="0" w:color="auto"/>
          <w:bottom w:val="triple" w:sz="4" w:space="0" w:color="auto"/>
          <w:right w:val="triple" w:sz="4" w:space="0" w:color="auto"/>
          <w:insideH w:val="single" w:sz="6" w:space="0" w:color="auto"/>
          <w:insideV w:val="single" w:sz="6" w:space="0" w:color="auto"/>
        </w:tblBorders>
        <w:shd w:val="clear" w:color="auto" w:fill="D9D9D9" w:themeFill="background1" w:themeFillShade="D9"/>
        <w:tblLayout w:type="fixed"/>
        <w:tblLook w:val="04A0" w:firstRow="1" w:lastRow="0" w:firstColumn="1" w:lastColumn="0" w:noHBand="0" w:noVBand="1"/>
      </w:tblPr>
      <w:tblGrid>
        <w:gridCol w:w="4937"/>
        <w:gridCol w:w="4955"/>
      </w:tblGrid>
      <w:tr w:rsidR="00F4334A" w:rsidRPr="00E24145" w14:paraId="03DBEE94" w14:textId="77777777" w:rsidTr="00A0183E">
        <w:trPr>
          <w:trHeight w:val="340"/>
        </w:trPr>
        <w:tc>
          <w:tcPr>
            <w:tcW w:w="9892" w:type="dxa"/>
            <w:gridSpan w:val="2"/>
            <w:tcBorders>
              <w:top w:val="triple" w:sz="4" w:space="0" w:color="auto"/>
              <w:bottom w:val="single" w:sz="4" w:space="0" w:color="auto"/>
            </w:tcBorders>
            <w:shd w:val="clear" w:color="auto" w:fill="D9D9D9" w:themeFill="background1" w:themeFillShade="D9"/>
          </w:tcPr>
          <w:p w14:paraId="03DBEE93" w14:textId="77777777" w:rsidR="00F4334A" w:rsidRPr="00E24145" w:rsidRDefault="00F4334A" w:rsidP="00DA0828">
            <w:pPr>
              <w:rPr>
                <w:rFonts w:ascii="Arial" w:hAnsi="Arial" w:cs="Arial"/>
                <w:sz w:val="24"/>
                <w:szCs w:val="24"/>
              </w:rPr>
            </w:pPr>
            <w:r w:rsidRPr="00E24145">
              <w:rPr>
                <w:rFonts w:ascii="Arial" w:hAnsi="Arial" w:cs="Arial"/>
                <w:b/>
                <w:sz w:val="24"/>
                <w:szCs w:val="24"/>
              </w:rPr>
              <w:t>Notfallmanagement</w:t>
            </w:r>
          </w:p>
        </w:tc>
      </w:tr>
      <w:tr w:rsidR="00542C08" w:rsidRPr="00DA0828" w14:paraId="03DBEE99" w14:textId="77777777" w:rsidTr="00FB5611">
        <w:tc>
          <w:tcPr>
            <w:tcW w:w="9892" w:type="dxa"/>
            <w:gridSpan w:val="2"/>
            <w:tcBorders>
              <w:top w:val="single" w:sz="6" w:space="0" w:color="auto"/>
            </w:tcBorders>
            <w:shd w:val="clear" w:color="auto" w:fill="FFFF00"/>
          </w:tcPr>
          <w:p w14:paraId="03DBEE95" w14:textId="77777777" w:rsidR="00542C08" w:rsidRPr="00DA0828" w:rsidRDefault="00542C08" w:rsidP="00FB5611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Notfallkontakte (Name/Funktion/</w:t>
            </w:r>
            <w:r w:rsidR="00FC1865">
              <w:rPr>
                <w:rFonts w:ascii="Arial" w:hAnsi="Arial" w:cs="Arial"/>
                <w:b/>
                <w:sz w:val="20"/>
                <w:szCs w:val="20"/>
              </w:rPr>
              <w:t>Erreichbarkeit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>/Tel Nr.)</w:t>
            </w:r>
          </w:p>
          <w:p w14:paraId="03DBEE96" w14:textId="77777777" w:rsidR="00542C08" w:rsidRPr="00DA0828" w:rsidRDefault="00542C08" w:rsidP="00FB5611">
            <w:pPr>
              <w:numPr>
                <w:ilvl w:val="0"/>
                <w:numId w:val="9"/>
              </w:numPr>
              <w:spacing w:after="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</w:p>
          <w:p w14:paraId="03DBEE97" w14:textId="77777777" w:rsidR="00542C08" w:rsidRPr="00DA0828" w:rsidRDefault="00542C08" w:rsidP="00FB5611">
            <w:pPr>
              <w:numPr>
                <w:ilvl w:val="0"/>
                <w:numId w:val="9"/>
              </w:numPr>
              <w:spacing w:after="6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</w:p>
          <w:p w14:paraId="03DBEE98" w14:textId="77777777" w:rsidR="00542C08" w:rsidRPr="00DA0828" w:rsidRDefault="00542C08" w:rsidP="00FB5611">
            <w:pPr>
              <w:numPr>
                <w:ilvl w:val="0"/>
                <w:numId w:val="9"/>
              </w:numPr>
              <w:spacing w:after="6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</w:p>
        </w:tc>
      </w:tr>
      <w:tr w:rsidR="00DA0828" w:rsidRPr="00DA0828" w14:paraId="03DBEEA5" w14:textId="77777777" w:rsidTr="00D536CB">
        <w:tc>
          <w:tcPr>
            <w:tcW w:w="4937" w:type="dxa"/>
            <w:tcBorders>
              <w:top w:val="nil"/>
              <w:bottom w:val="single" w:sz="6" w:space="0" w:color="auto"/>
            </w:tcBorders>
            <w:shd w:val="clear" w:color="auto" w:fill="F2F2F2" w:themeFill="background1" w:themeFillShade="F2"/>
          </w:tcPr>
          <w:p w14:paraId="03DBEE9A" w14:textId="77777777" w:rsidR="00DA0828" w:rsidRPr="00DA0828" w:rsidRDefault="00B76266" w:rsidP="00B76266">
            <w:pPr>
              <w:spacing w:line="240" w:lineRule="auto"/>
              <w:rPr>
                <w:rFonts w:ascii="Arial" w:eastAsiaTheme="minorHAnsi" w:hAnsi="Arial" w:cs="Arial"/>
                <w:sz w:val="20"/>
                <w:szCs w:val="20"/>
              </w:rPr>
            </w:pPr>
            <w:r w:rsidRPr="00B76266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Mögliche Notfallsituationen </w:t>
            </w:r>
          </w:p>
          <w:p w14:paraId="03DBEE9B" w14:textId="77777777" w:rsidR="00DA0828" w:rsidRPr="00DA0828" w:rsidRDefault="00DA0828" w:rsidP="00DA0828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</w:p>
          <w:p w14:paraId="03DBEE9C" w14:textId="77777777" w:rsidR="00DA0828" w:rsidRPr="00DA0828" w:rsidRDefault="00DA0828" w:rsidP="00DA0828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</w:p>
          <w:p w14:paraId="03DBEE9D" w14:textId="77777777" w:rsidR="00DA0828" w:rsidRPr="00B76266" w:rsidRDefault="00DA0828" w:rsidP="00C057E7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</w:p>
          <w:p w14:paraId="03DBEE9E" w14:textId="77777777" w:rsidR="00B76266" w:rsidRPr="00B76266" w:rsidRDefault="00B76266" w:rsidP="00B76266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</w:p>
          <w:p w14:paraId="03DBEE9F" w14:textId="77777777" w:rsidR="00B76266" w:rsidRPr="00C057E7" w:rsidRDefault="00B76266" w:rsidP="00B76266">
            <w:pPr>
              <w:spacing w:after="0" w:line="240" w:lineRule="auto"/>
              <w:ind w:left="720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</w:p>
        </w:tc>
        <w:tc>
          <w:tcPr>
            <w:tcW w:w="4955" w:type="dxa"/>
            <w:tcBorders>
              <w:top w:val="nil"/>
              <w:bottom w:val="single" w:sz="6" w:space="0" w:color="auto"/>
            </w:tcBorders>
            <w:shd w:val="clear" w:color="auto" w:fill="F2F2F2" w:themeFill="background1" w:themeFillShade="F2"/>
          </w:tcPr>
          <w:p w14:paraId="03DBEEA0" w14:textId="77777777" w:rsidR="00DA0828" w:rsidRPr="00B76266" w:rsidRDefault="00B76266" w:rsidP="00D7692D">
            <w:pPr>
              <w:spacing w:line="240" w:lineRule="auto"/>
              <w:rPr>
                <w:rFonts w:ascii="Arial" w:hAnsi="Arial" w:cs="Arial"/>
                <w:sz w:val="20"/>
                <w:szCs w:val="20"/>
              </w:rPr>
            </w:pPr>
            <w:r w:rsidRPr="00B76266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Vorgehen </w:t>
            </w:r>
            <w:r w:rsidR="00D7692D" w:rsidRPr="00B76266">
              <w:rPr>
                <w:rFonts w:ascii="Arial" w:hAnsi="Arial" w:cs="Arial"/>
                <w:sz w:val="20"/>
                <w:szCs w:val="20"/>
              </w:rPr>
              <w:t>(Details siehe Seite 3)</w:t>
            </w:r>
          </w:p>
          <w:p w14:paraId="03DBEEA1" w14:textId="77777777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tabs>
                <w:tab w:val="left" w:pos="262"/>
              </w:tabs>
              <w:spacing w:line="240" w:lineRule="auto"/>
              <w:ind w:left="583"/>
              <w:rPr>
                <w:rFonts w:eastAsiaTheme="minorHAnsi" w:cs="Arial"/>
                <w:szCs w:val="20"/>
                <w:lang w:val="en-GB"/>
              </w:rPr>
            </w:pPr>
          </w:p>
          <w:p w14:paraId="03DBEEA2" w14:textId="77777777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</w:p>
          <w:p w14:paraId="03DBEEA3" w14:textId="77777777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</w:p>
          <w:p w14:paraId="03DBEEA4" w14:textId="77777777" w:rsidR="00DA0828" w:rsidRPr="00C057E7" w:rsidRDefault="00DA0828" w:rsidP="00C057E7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 w:right="-57"/>
              <w:rPr>
                <w:rFonts w:cs="Arial"/>
                <w:szCs w:val="20"/>
                <w:lang w:val="en-GB"/>
              </w:rPr>
            </w:pPr>
          </w:p>
        </w:tc>
      </w:tr>
      <w:tr w:rsidR="00A70D1B" w:rsidRPr="00DA0828" w14:paraId="03DBEEB7" w14:textId="77777777" w:rsidTr="00D536CB">
        <w:tc>
          <w:tcPr>
            <w:tcW w:w="4937" w:type="dxa"/>
            <w:shd w:val="clear" w:color="auto" w:fill="FFC000"/>
          </w:tcPr>
          <w:p w14:paraId="03DBEEA6" w14:textId="77777777" w:rsidR="00A70D1B" w:rsidRDefault="00A70D1B" w:rsidP="00D7692D">
            <w:pPr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Reanimationsstatus </w:t>
            </w:r>
          </w:p>
          <w:p w14:paraId="03DBEEA7" w14:textId="77777777" w:rsidR="00A70D1B" w:rsidRDefault="00A70D1B" w:rsidP="00D7692D">
            <w:pPr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Rea-Vorgehen gemäss Standard (z.B. PALS) </w:t>
            </w:r>
          </w:p>
          <w:p w14:paraId="03DBEEA8" w14:textId="77777777" w:rsidR="00A70D1B" w:rsidRPr="00D536CB" w:rsidRDefault="00A70D1B" w:rsidP="009013D2">
            <w:pPr>
              <w:rPr>
                <w:rFonts w:ascii="Arial" w:hAnsi="Arial" w:cs="Arial"/>
                <w:bCs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 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126487952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="009013D2" w:rsidRPr="00DA0828"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Pr="00C311BD">
              <w:rPr>
                <w:rFonts w:ascii="Arial" w:hAnsi="Arial" w:cs="Arial"/>
                <w:sz w:val="13"/>
                <w:szCs w:val="13"/>
              </w:rPr>
              <w:t>( = keine individuelle Anpassung)</w:t>
            </w:r>
            <w:r>
              <w:rPr>
                <w:rFonts w:ascii="Arial" w:hAnsi="Arial" w:cs="Arial"/>
                <w:sz w:val="13"/>
                <w:szCs w:val="13"/>
              </w:rPr>
              <w:t xml:space="preserve">   </w:t>
            </w:r>
            <w:r w:rsidRPr="00C311BD">
              <w:rPr>
                <w:rFonts w:ascii="Arial" w:hAnsi="Arial" w:cs="Arial"/>
                <w:sz w:val="13"/>
                <w:szCs w:val="13"/>
              </w:rPr>
              <w:t xml:space="preserve">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differenziert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10649833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311BD">
              <w:rPr>
                <w:rFonts w:ascii="Arial" w:hAnsi="Arial" w:cs="Arial"/>
                <w:sz w:val="13"/>
                <w:szCs w:val="13"/>
              </w:rPr>
              <w:t xml:space="preserve">( = </w:t>
            </w:r>
            <w:r>
              <w:rPr>
                <w:rFonts w:ascii="Arial" w:hAnsi="Arial" w:cs="Arial"/>
                <w:sz w:val="13"/>
                <w:szCs w:val="13"/>
              </w:rPr>
              <w:t>s. unten)</w:t>
            </w:r>
          </w:p>
        </w:tc>
        <w:tc>
          <w:tcPr>
            <w:tcW w:w="4955" w:type="dxa"/>
            <w:vMerge w:val="restart"/>
            <w:shd w:val="clear" w:color="auto" w:fill="FBD4B4" w:themeFill="accent6" w:themeFillTint="66"/>
          </w:tcPr>
          <w:p w14:paraId="03DBEEA9" w14:textId="77777777" w:rsidR="00A70D1B" w:rsidRDefault="00A70D1B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Ergänzende Information zum Reanimationsstatus </w:t>
            </w:r>
          </w:p>
          <w:p w14:paraId="03DBEEAA" w14:textId="77777777" w:rsidR="00A70D1B" w:rsidRDefault="00A70D1B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03DBEEAB" w14:textId="77777777" w:rsidR="00A70D1B" w:rsidRDefault="00A70D1B" w:rsidP="00757C42">
            <w:pPr>
              <w:spacing w:after="0" w:line="240" w:lineRule="auto"/>
              <w:rPr>
                <w:rFonts w:ascii="Arial" w:hAnsi="Arial" w:cs="Arial"/>
                <w:bCs/>
                <w:sz w:val="20"/>
                <w:szCs w:val="20"/>
              </w:rPr>
            </w:pPr>
            <w:r w:rsidRPr="00D536CB">
              <w:rPr>
                <w:rFonts w:ascii="Arial" w:hAnsi="Arial" w:cs="Arial"/>
                <w:bCs/>
                <w:sz w:val="20"/>
                <w:szCs w:val="20"/>
              </w:rPr>
              <w:t>(zwingend falls "differenziert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(diff.)</w:t>
            </w:r>
            <w:r w:rsidRPr="00D536CB">
              <w:rPr>
                <w:rFonts w:ascii="Arial" w:hAnsi="Arial" w:cs="Arial"/>
                <w:bCs/>
                <w:sz w:val="20"/>
                <w:szCs w:val="20"/>
              </w:rPr>
              <w:t>")</w:t>
            </w:r>
          </w:p>
          <w:p w14:paraId="03DBEEAC" w14:textId="77777777" w:rsidR="00A70D1B" w:rsidRDefault="00A70D1B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03DBEEAD" w14:textId="77777777" w:rsidR="00A70D1B" w:rsidRDefault="00A70D1B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Beschreibung differenziertes Vorgehen</w:t>
            </w:r>
          </w:p>
          <w:p w14:paraId="03DBEEAE" w14:textId="77777777" w:rsidR="00A70D1B" w:rsidRPr="00D536CB" w:rsidRDefault="00A70D1B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03DBEEAF" w14:textId="77777777" w:rsidR="00A70D1B" w:rsidRPr="002B0CCB" w:rsidRDefault="00A70D1B" w:rsidP="002B0CCB">
            <w:pPr>
              <w:rPr>
                <w:rFonts w:ascii="Arial" w:hAnsi="Arial" w:cs="Arial"/>
                <w:sz w:val="20"/>
                <w:szCs w:val="20"/>
              </w:rPr>
            </w:pPr>
          </w:p>
          <w:p w14:paraId="03DBEEB0" w14:textId="77777777" w:rsidR="00A70D1B" w:rsidRDefault="00A70D1B" w:rsidP="0050217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Begründung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/ Wertehaltung</w:t>
            </w:r>
          </w:p>
          <w:p w14:paraId="03DBEEB1" w14:textId="77777777" w:rsidR="00A70D1B" w:rsidRDefault="00A70D1B" w:rsidP="001529C3">
            <w:pPr>
              <w:rPr>
                <w:rFonts w:ascii="Arial" w:hAnsi="Arial" w:cs="Arial"/>
                <w:sz w:val="20"/>
                <w:szCs w:val="20"/>
              </w:rPr>
            </w:pPr>
          </w:p>
          <w:p w14:paraId="03DBEEB2" w14:textId="77777777" w:rsidR="00A70D1B" w:rsidRDefault="00A70D1B" w:rsidP="001529C3">
            <w:pPr>
              <w:rPr>
                <w:rFonts w:ascii="Arial" w:hAnsi="Arial" w:cs="Arial"/>
                <w:sz w:val="20"/>
                <w:szCs w:val="20"/>
              </w:rPr>
            </w:pPr>
          </w:p>
          <w:p w14:paraId="03DBEEB3" w14:textId="77777777" w:rsidR="00A70D1B" w:rsidRPr="00A70D1B" w:rsidRDefault="00A70D1B" w:rsidP="00823582">
            <w:pPr>
              <w:rPr>
                <w:rFonts w:ascii="Arial" w:hAnsi="Arial" w:cs="Arial"/>
                <w:sz w:val="20"/>
                <w:szCs w:val="20"/>
              </w:rPr>
            </w:pPr>
          </w:p>
          <w:p w14:paraId="03DBEEB4" w14:textId="77777777" w:rsidR="00A70D1B" w:rsidRDefault="00A70D1B" w:rsidP="00A70D1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03DBEEB5" w14:textId="77777777" w:rsidR="00A70D1B" w:rsidRDefault="00A70D1B" w:rsidP="00A70D1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03DBEEB6" w14:textId="77777777" w:rsidR="00A70D1B" w:rsidRPr="002B0CCB" w:rsidRDefault="00A70D1B" w:rsidP="00801E07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70D1B" w:rsidRPr="00DA0828" w14:paraId="03DBEEC7" w14:textId="77777777" w:rsidTr="00A70D1B">
        <w:trPr>
          <w:trHeight w:val="3345"/>
        </w:trPr>
        <w:tc>
          <w:tcPr>
            <w:tcW w:w="4937" w:type="dxa"/>
            <w:vMerge w:val="restart"/>
            <w:shd w:val="clear" w:color="auto" w:fill="FFC000"/>
          </w:tcPr>
          <w:p w14:paraId="03DBEEB8" w14:textId="77777777" w:rsidR="00A70D1B" w:rsidRDefault="00A70D1B" w:rsidP="00D536CB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Therapieoptionen</w:t>
            </w:r>
          </w:p>
          <w:p w14:paraId="03DBEEB9" w14:textId="77777777" w:rsidR="00A70D1B" w:rsidRDefault="00A70D1B" w:rsidP="00D536CB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9D781B">
              <w:rPr>
                <w:rFonts w:ascii="Arial" w:hAnsi="Arial" w:cs="Arial"/>
                <w:b/>
                <w:sz w:val="20"/>
                <w:szCs w:val="20"/>
              </w:rPr>
              <w:t xml:space="preserve">CPR / </w:t>
            </w:r>
          </w:p>
          <w:p w14:paraId="03DBEEBA" w14:textId="77777777" w:rsidR="00A70D1B" w:rsidRPr="00DA0828" w:rsidRDefault="00A70D1B" w:rsidP="009013D2">
            <w:pPr>
              <w:tabs>
                <w:tab w:val="left" w:pos="0"/>
              </w:tabs>
              <w:spacing w:after="0" w:line="288" w:lineRule="auto"/>
              <w:rPr>
                <w:rFonts w:ascii="Arial" w:hAnsi="Arial" w:cs="Arial"/>
                <w:b/>
                <w:sz w:val="20"/>
                <w:szCs w:val="20"/>
                <w:lang w:eastAsia="de-CH"/>
              </w:rPr>
            </w:pPr>
            <w:r w:rsidRPr="009D781B">
              <w:rPr>
                <w:rFonts w:ascii="Arial" w:hAnsi="Arial" w:cs="Arial"/>
                <w:b/>
                <w:sz w:val="20"/>
                <w:szCs w:val="20"/>
              </w:rPr>
              <w:t>Herzdruckmassage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 xml:space="preserve">   </w:t>
            </w:r>
            <w:r>
              <w:rPr>
                <w:rFonts w:ascii="Arial" w:hAnsi="Arial" w:cs="Arial"/>
                <w:sz w:val="20"/>
                <w:szCs w:val="20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7123635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57456084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75181008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  <w:p w14:paraId="03DBEEBB" w14:textId="77777777" w:rsidR="00A70D1B" w:rsidRDefault="00A70D1B" w:rsidP="00D536CB">
            <w:pPr>
              <w:rPr>
                <w:rFonts w:ascii="Arial" w:hAnsi="Arial" w:cs="Arial"/>
                <w:sz w:val="20"/>
                <w:szCs w:val="20"/>
                <w:lang w:eastAsia="de-CH"/>
              </w:rPr>
            </w:pPr>
          </w:p>
          <w:p w14:paraId="03DBEEBC" w14:textId="77777777" w:rsidR="00A70D1B" w:rsidRPr="004D3DAD" w:rsidRDefault="00A70D1B" w:rsidP="004D3DAD">
            <w:pPr>
              <w:tabs>
                <w:tab w:val="left" w:pos="0"/>
              </w:tabs>
              <w:spacing w:after="0" w:line="288" w:lineRule="auto"/>
              <w:rPr>
                <w:rFonts w:ascii="Arial" w:hAnsi="Arial" w:cs="Arial"/>
                <w:b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otfalldiagnostik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73621080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77591540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62361376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</w:p>
          <w:p w14:paraId="03DBEEBD" w14:textId="77777777" w:rsidR="00A70D1B" w:rsidRPr="00DA0828" w:rsidRDefault="00A70D1B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Sauerstoff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204119887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77047359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7903945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</w:p>
          <w:p w14:paraId="03DBEEBE" w14:textId="77777777" w:rsidR="00A70D1B" w:rsidRPr="00DA0828" w:rsidRDefault="00A70D1B" w:rsidP="009013D2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Antibiotika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49284335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25009099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96666949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  <w:p w14:paraId="03DBEEBF" w14:textId="77777777" w:rsidR="00A70D1B" w:rsidRPr="00DA0828" w:rsidRDefault="00A70D1B" w:rsidP="009013D2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Absauge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75312087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37491982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83638210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  <w:p w14:paraId="03DBEEC0" w14:textId="77777777" w:rsidR="00A70D1B" w:rsidRPr="00DA0828" w:rsidRDefault="00A70D1B" w:rsidP="009013D2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Bebeutel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96038678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5536567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75921180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  <w:p w14:paraId="03DBEEC1" w14:textId="77777777" w:rsidR="00A70D1B" w:rsidRPr="00DA0828" w:rsidRDefault="00A70D1B" w:rsidP="009013D2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Verlegung auf IP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S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151372568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28773793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82820201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  <w:p w14:paraId="03DBEEC2" w14:textId="77777777" w:rsidR="00A70D1B" w:rsidRPr="00DA0828" w:rsidRDefault="00A70D1B" w:rsidP="009013D2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icht-invasive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Vent.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110877539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44843885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96138689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  <w:p w14:paraId="03DBEEC3" w14:textId="77777777" w:rsidR="00A70D1B" w:rsidRPr="00DA0828" w:rsidRDefault="00A70D1B" w:rsidP="009013D2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Intubatio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11356173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80281016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76928078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  <w:p w14:paraId="03DBEEC4" w14:textId="77777777" w:rsidR="00A70D1B" w:rsidRDefault="00A70D1B" w:rsidP="009013D2">
            <w:pPr>
              <w:spacing w:after="0" w:line="240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Katecholamine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2052444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34121490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58237196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  <w:p w14:paraId="03DBEEC5" w14:textId="77777777" w:rsidR="00A70D1B" w:rsidRPr="00DA0828" w:rsidRDefault="00A70D1B" w:rsidP="00D536CB">
            <w:pPr>
              <w:spacing w:after="0" w:line="240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</w:p>
        </w:tc>
        <w:tc>
          <w:tcPr>
            <w:tcW w:w="4955" w:type="dxa"/>
            <w:vMerge/>
            <w:tcBorders>
              <w:bottom w:val="single" w:sz="4" w:space="0" w:color="auto"/>
            </w:tcBorders>
            <w:shd w:val="clear" w:color="auto" w:fill="FBD4B4" w:themeFill="accent6" w:themeFillTint="66"/>
          </w:tcPr>
          <w:p w14:paraId="03DBEEC6" w14:textId="77777777" w:rsidR="00A70D1B" w:rsidRPr="00DA0828" w:rsidRDefault="00A70D1B" w:rsidP="00801E07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A70D1B" w:rsidRPr="00DA0828" w14:paraId="03DBEECF" w14:textId="77777777" w:rsidTr="00015BA5">
        <w:trPr>
          <w:trHeight w:val="1380"/>
        </w:trPr>
        <w:tc>
          <w:tcPr>
            <w:tcW w:w="4937" w:type="dxa"/>
            <w:vMerge/>
            <w:shd w:val="clear" w:color="auto" w:fill="FFC000"/>
          </w:tcPr>
          <w:p w14:paraId="03DBEEC8" w14:textId="77777777" w:rsidR="00A70D1B" w:rsidRPr="00DA0828" w:rsidRDefault="00A70D1B" w:rsidP="00D536C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4955" w:type="dxa"/>
            <w:vMerge w:val="restart"/>
            <w:tcBorders>
              <w:top w:val="single" w:sz="4" w:space="0" w:color="auto"/>
            </w:tcBorders>
            <w:shd w:val="clear" w:color="auto" w:fill="FAE19C"/>
          </w:tcPr>
          <w:p w14:paraId="03DBEEC9" w14:textId="77777777" w:rsidR="00A70D1B" w:rsidRDefault="00A70D1B" w:rsidP="00015BA5">
            <w:pPr>
              <w:shd w:val="clear" w:color="auto" w:fill="FAE19C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Optionale 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>Begründung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/ Indikation intensivmedizinischer Massnahmen</w:t>
            </w:r>
          </w:p>
          <w:p w14:paraId="03DBEECA" w14:textId="77777777" w:rsidR="00A70D1B" w:rsidRDefault="00A70D1B" w:rsidP="00015BA5">
            <w:pPr>
              <w:shd w:val="clear" w:color="auto" w:fill="FAE19C"/>
              <w:rPr>
                <w:rFonts w:ascii="Arial" w:hAnsi="Arial" w:cs="Arial"/>
                <w:sz w:val="20"/>
                <w:szCs w:val="20"/>
              </w:rPr>
            </w:pPr>
          </w:p>
          <w:p w14:paraId="03DBEECB" w14:textId="77777777" w:rsidR="00A70D1B" w:rsidRDefault="00A70D1B" w:rsidP="00015BA5">
            <w:pPr>
              <w:shd w:val="clear" w:color="auto" w:fill="FAE19C"/>
              <w:rPr>
                <w:rFonts w:ascii="Arial" w:hAnsi="Arial" w:cs="Arial"/>
                <w:sz w:val="20"/>
                <w:szCs w:val="20"/>
              </w:rPr>
            </w:pPr>
          </w:p>
          <w:p w14:paraId="03DBEECC" w14:textId="77777777" w:rsidR="00A70D1B" w:rsidRDefault="00A70D1B" w:rsidP="00015BA5">
            <w:pPr>
              <w:shd w:val="clear" w:color="auto" w:fill="FAE19C"/>
              <w:rPr>
                <w:rFonts w:ascii="Arial" w:hAnsi="Arial" w:cs="Arial"/>
                <w:sz w:val="20"/>
                <w:szCs w:val="20"/>
              </w:rPr>
            </w:pPr>
          </w:p>
          <w:p w14:paraId="03DBEECD" w14:textId="77777777" w:rsidR="00015BA5" w:rsidRPr="002B0CCB" w:rsidRDefault="00015BA5" w:rsidP="00015BA5">
            <w:pPr>
              <w:shd w:val="clear" w:color="auto" w:fill="FAE19C"/>
              <w:rPr>
                <w:rFonts w:ascii="Arial" w:hAnsi="Arial" w:cs="Arial"/>
                <w:sz w:val="20"/>
                <w:szCs w:val="20"/>
              </w:rPr>
            </w:pPr>
          </w:p>
          <w:p w14:paraId="03DBEECE" w14:textId="77777777" w:rsidR="00A70D1B" w:rsidRPr="00DA0828" w:rsidRDefault="00A70D1B" w:rsidP="00015BA5">
            <w:pPr>
              <w:shd w:val="clear" w:color="auto" w:fill="FAE19C"/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A70D1B" w:rsidRPr="00DA0828" w14:paraId="03DBEED3" w14:textId="77777777" w:rsidTr="00015BA5">
        <w:trPr>
          <w:trHeight w:val="462"/>
        </w:trPr>
        <w:tc>
          <w:tcPr>
            <w:tcW w:w="4937" w:type="dxa"/>
            <w:shd w:val="clear" w:color="auto" w:fill="E36C0A" w:themeFill="accent6" w:themeFillShade="BF"/>
          </w:tcPr>
          <w:p w14:paraId="03DBEED0" w14:textId="77777777" w:rsidR="00A70D1B" w:rsidRPr="00B76266" w:rsidRDefault="00A70D1B" w:rsidP="00801E07">
            <w:pPr>
              <w:spacing w:after="0" w:line="240" w:lineRule="auto"/>
              <w:rPr>
                <w:rFonts w:ascii="Arial" w:hAnsi="Arial" w:cs="Arial"/>
                <w:b/>
                <w:sz w:val="21"/>
                <w:szCs w:val="21"/>
              </w:rPr>
            </w:pPr>
            <w:r w:rsidRPr="00B76266">
              <w:rPr>
                <w:rFonts w:ascii="Arial" w:hAnsi="Arial" w:cs="Arial"/>
                <w:b/>
                <w:sz w:val="21"/>
                <w:szCs w:val="21"/>
              </w:rPr>
              <w:t>Spezialfall Rea-Vorgehen intra/perioperativ</w:t>
            </w:r>
          </w:p>
          <w:p w14:paraId="03DBEED1" w14:textId="77777777" w:rsidR="00A70D1B" w:rsidRPr="00B76266" w:rsidRDefault="00A70D1B" w:rsidP="009013D2">
            <w:pPr>
              <w:rPr>
                <w:rFonts w:ascii="Arial" w:hAnsi="Arial" w:cs="Arial"/>
                <w:bCs/>
                <w:sz w:val="21"/>
                <w:szCs w:val="21"/>
              </w:rPr>
            </w:pPr>
            <w:r w:rsidRPr="00B76266">
              <w:rPr>
                <w:rFonts w:ascii="Arial" w:hAnsi="Arial" w:cs="Arial"/>
                <w:bCs/>
                <w:sz w:val="21"/>
                <w:szCs w:val="21"/>
              </w:rPr>
              <w:t xml:space="preserve">CPR / Herzdruckmassage           </w:t>
            </w:r>
            <w:r w:rsidRPr="00B76266">
              <w:rPr>
                <w:rFonts w:ascii="Arial" w:hAnsi="Arial" w:cs="Arial"/>
                <w:sz w:val="21"/>
                <w:szCs w:val="21"/>
              </w:rPr>
              <w:t xml:space="preserve">ja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166065581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  <w:r w:rsidRPr="00B76266">
              <w:rPr>
                <w:rFonts w:ascii="Arial" w:hAnsi="Arial" w:cs="Arial"/>
                <w:sz w:val="21"/>
                <w:szCs w:val="21"/>
              </w:rPr>
              <w:t xml:space="preserve">  nein </w:t>
            </w: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89204060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  <w:tc>
          <w:tcPr>
            <w:tcW w:w="4955" w:type="dxa"/>
            <w:vMerge/>
            <w:shd w:val="clear" w:color="auto" w:fill="FAE19C"/>
          </w:tcPr>
          <w:p w14:paraId="03DBEED2" w14:textId="77777777" w:rsidR="00A70D1B" w:rsidRPr="00DA0828" w:rsidRDefault="00A70D1B" w:rsidP="00801E07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801E07" w:rsidRPr="00DA0828" w14:paraId="03DBEED6" w14:textId="77777777" w:rsidTr="00A0183E">
        <w:trPr>
          <w:trHeight w:val="462"/>
        </w:trPr>
        <w:tc>
          <w:tcPr>
            <w:tcW w:w="9892" w:type="dxa"/>
            <w:gridSpan w:val="2"/>
            <w:shd w:val="clear" w:color="auto" w:fill="F2F2F2" w:themeFill="background1" w:themeFillShade="F2"/>
          </w:tcPr>
          <w:p w14:paraId="03DBEED4" w14:textId="77777777" w:rsidR="00801E07" w:rsidRPr="00DA0828" w:rsidRDefault="00801E07" w:rsidP="00801E07">
            <w:pPr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Besprochen</w:t>
            </w:r>
            <w:r>
              <w:rPr>
                <w:rFonts w:ascii="Arial" w:hAnsi="Arial" w:cs="Arial"/>
                <w:sz w:val="20"/>
                <w:szCs w:val="20"/>
              </w:rPr>
              <w:t xml:space="preserve"> zuletzt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am: </w:t>
            </w:r>
            <w:r w:rsidR="008964D6">
              <w:rPr>
                <w:rFonts w:ascii="Arial" w:hAnsi="Arial" w:cs="Arial"/>
                <w:sz w:val="20"/>
                <w:szCs w:val="20"/>
              </w:rPr>
              <w:t xml:space="preserve">                                </w:t>
            </w:r>
            <w:r>
              <w:rPr>
                <w:rFonts w:ascii="Arial" w:hAnsi="Arial" w:cs="Arial"/>
                <w:sz w:val="20"/>
                <w:szCs w:val="20"/>
              </w:rPr>
              <w:t xml:space="preserve">, durch: </w:t>
            </w:r>
          </w:p>
          <w:p w14:paraId="03DBEED5" w14:textId="77777777" w:rsidR="00801E07" w:rsidRPr="00DA0828" w:rsidRDefault="00801E07" w:rsidP="008964D6">
            <w:pPr>
              <w:spacing w:after="12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Gespräch geplant: </w:t>
            </w:r>
          </w:p>
        </w:tc>
      </w:tr>
      <w:tr w:rsidR="00FF1CE2" w:rsidRPr="00DA0828" w14:paraId="03DBEEDB" w14:textId="77777777" w:rsidTr="00390BEB">
        <w:trPr>
          <w:trHeight w:val="462"/>
        </w:trPr>
        <w:tc>
          <w:tcPr>
            <w:tcW w:w="9892" w:type="dxa"/>
            <w:gridSpan w:val="2"/>
            <w:shd w:val="clear" w:color="auto" w:fill="00B050"/>
          </w:tcPr>
          <w:p w14:paraId="03DBEED7" w14:textId="77777777" w:rsidR="00FF1CE2" w:rsidRDefault="00FF1CE2" w:rsidP="00390BEB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Vorgehen auf der Notfallstation</w:t>
            </w:r>
          </w:p>
          <w:p w14:paraId="03DBEED8" w14:textId="77777777" w:rsidR="00FF1CE2" w:rsidRDefault="00FF1CE2" w:rsidP="00390BEB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  <w:p w14:paraId="03DBEED9" w14:textId="77777777" w:rsidR="008964D6" w:rsidRDefault="008964D6" w:rsidP="00390BEB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  <w:p w14:paraId="03DBEEDA" w14:textId="77777777" w:rsidR="00FF1CE2" w:rsidRPr="00DA0828" w:rsidRDefault="00FF1CE2" w:rsidP="00390BEB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tbl>
      <w:tblPr>
        <w:tblW w:w="10060" w:type="dxa"/>
        <w:tblBorders>
          <w:top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4223"/>
        <w:gridCol w:w="5837"/>
      </w:tblGrid>
      <w:tr w:rsidR="00AD6E60" w:rsidRPr="00DA0828" w14:paraId="03DBEEDE" w14:textId="77777777" w:rsidTr="00A0183E">
        <w:trPr>
          <w:trHeight w:val="308"/>
        </w:trPr>
        <w:tc>
          <w:tcPr>
            <w:tcW w:w="4223" w:type="dxa"/>
          </w:tcPr>
          <w:p w14:paraId="03DBEEDC" w14:textId="77777777" w:rsidR="00AD6E60" w:rsidRPr="00DA0828" w:rsidRDefault="00AD6E60" w:rsidP="00FC52B9">
            <w:pPr>
              <w:spacing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837" w:type="dxa"/>
            <w:vAlign w:val="center"/>
          </w:tcPr>
          <w:p w14:paraId="03DBEEDD" w14:textId="77777777" w:rsidR="00AD6E60" w:rsidRPr="00DA0828" w:rsidRDefault="00AD6E60" w:rsidP="00FC52B9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</w:p>
        </w:tc>
      </w:tr>
    </w:tbl>
    <w:p w14:paraId="03DBEEDF" w14:textId="77777777" w:rsidR="00915B8A" w:rsidRDefault="00915B8A">
      <w:pPr>
        <w:spacing w:after="0" w:line="240" w:lineRule="auto"/>
        <w:rPr>
          <w:rFonts w:ascii="Arial" w:hAnsi="Arial" w:cs="Arial"/>
          <w:sz w:val="24"/>
          <w:szCs w:val="24"/>
        </w:rPr>
      </w:pPr>
    </w:p>
    <w:p w14:paraId="03DBEEE0" w14:textId="77777777" w:rsidR="00FF1CE2" w:rsidRDefault="00FF1CE2">
      <w:pPr>
        <w:spacing w:after="0" w:line="240" w:lineRule="auto"/>
        <w:rPr>
          <w:rFonts w:ascii="Arial" w:hAnsi="Arial" w:cs="Arial"/>
          <w:sz w:val="24"/>
          <w:szCs w:val="24"/>
        </w:rPr>
      </w:pPr>
    </w:p>
    <w:tbl>
      <w:tblPr>
        <w:tblW w:w="99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541"/>
        <w:gridCol w:w="7371"/>
      </w:tblGrid>
      <w:tr w:rsidR="00F01DF4" w:rsidRPr="00A0183E" w14:paraId="03DBEEE6" w14:textId="77777777" w:rsidTr="00A0183E">
        <w:trPr>
          <w:trHeight w:val="277"/>
          <w:tblHeader/>
        </w:trPr>
        <w:tc>
          <w:tcPr>
            <w:tcW w:w="9912" w:type="dxa"/>
            <w:gridSpan w:val="2"/>
            <w:shd w:val="clear" w:color="auto" w:fill="FBD4B4" w:themeFill="accent6" w:themeFillTint="66"/>
            <w:vAlign w:val="center"/>
          </w:tcPr>
          <w:p w14:paraId="03DBEEE4" w14:textId="77777777" w:rsidR="00604405" w:rsidRPr="00A0183E" w:rsidRDefault="00355020" w:rsidP="00F00833">
            <w:pPr>
              <w:spacing w:after="0"/>
              <w:rPr>
                <w:rFonts w:ascii="Arial" w:hAnsi="Arial" w:cs="Arial"/>
                <w:b/>
                <w:bCs/>
                <w:sz w:val="24"/>
                <w:szCs w:val="24"/>
              </w:rPr>
            </w:pPr>
            <w:r>
              <w:rPr>
                <w:rFonts w:ascii="Arial" w:hAnsi="Arial" w:cs="Arial"/>
                <w:b/>
                <w:bCs/>
                <w:sz w:val="24"/>
                <w:szCs w:val="24"/>
              </w:rPr>
              <w:lastRenderedPageBreak/>
              <w:t xml:space="preserve">Haltung und Verordnung zu erweitertem </w:t>
            </w:r>
            <w:r w:rsidR="00604405" w:rsidRPr="00A0183E">
              <w:rPr>
                <w:rFonts w:ascii="Arial" w:hAnsi="Arial" w:cs="Arial"/>
                <w:b/>
                <w:bCs/>
                <w:sz w:val="24"/>
                <w:szCs w:val="24"/>
              </w:rPr>
              <w:t>Symptom-/Problemmanagement</w:t>
            </w:r>
          </w:p>
          <w:p w14:paraId="03DBEEE5" w14:textId="77777777" w:rsidR="00F01DF4" w:rsidRPr="00A0183E" w:rsidRDefault="001E7AB1" w:rsidP="001E7AB1">
            <w:pPr>
              <w:spacing w:after="0"/>
              <w:rPr>
                <w:rFonts w:ascii="Arial" w:hAnsi="Arial" w:cs="Arial"/>
                <w:sz w:val="24"/>
                <w:szCs w:val="24"/>
              </w:rPr>
            </w:pPr>
            <w:r>
              <w:rPr>
                <w:rFonts w:ascii="Arial" w:hAnsi="Arial" w:cs="Arial"/>
                <w:b/>
                <w:bCs/>
                <w:sz w:val="24"/>
                <w:szCs w:val="24"/>
              </w:rPr>
              <w:t xml:space="preserve">Medikamentöse und </w:t>
            </w:r>
            <w:r w:rsidR="00604405" w:rsidRPr="00A0183E">
              <w:rPr>
                <w:rFonts w:ascii="Arial" w:hAnsi="Arial" w:cs="Arial"/>
                <w:b/>
                <w:bCs/>
                <w:sz w:val="24"/>
                <w:szCs w:val="24"/>
              </w:rPr>
              <w:t>nicht-medikamentöse Massnahmen</w:t>
            </w:r>
          </w:p>
        </w:tc>
      </w:tr>
      <w:tr w:rsidR="00A0183E" w:rsidRPr="00DA0828" w14:paraId="03DBEEE9" w14:textId="77777777" w:rsidTr="00A0183E">
        <w:trPr>
          <w:trHeight w:val="336"/>
        </w:trPr>
        <w:tc>
          <w:tcPr>
            <w:tcW w:w="9912" w:type="dxa"/>
            <w:gridSpan w:val="2"/>
            <w:vMerge w:val="restart"/>
            <w:shd w:val="clear" w:color="auto" w:fill="FDE9D9" w:themeFill="accent6" w:themeFillTint="33"/>
            <w:vAlign w:val="center"/>
          </w:tcPr>
          <w:p w14:paraId="03DBEEE7" w14:textId="77777777" w:rsidR="00EE3A24" w:rsidRDefault="00BB541C" w:rsidP="00BB541C">
            <w:pPr>
              <w:pStyle w:val="Default"/>
              <w:spacing w:after="60"/>
              <w:ind w:left="3289" w:hanging="3289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züglich Medikamente und genauen Dosierungen siehe separaten Mediplan.</w:t>
            </w:r>
          </w:p>
          <w:p w14:paraId="03DBEEE8" w14:textId="77777777" w:rsidR="00A0183E" w:rsidRPr="00DA0828" w:rsidRDefault="00BB541C" w:rsidP="00BB541C">
            <w:pPr>
              <w:pStyle w:val="Default"/>
              <w:spacing w:after="60"/>
              <w:ind w:left="3289" w:hanging="3289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Hier keine Dosierungsangaben.</w:t>
            </w:r>
          </w:p>
        </w:tc>
      </w:tr>
      <w:tr w:rsidR="00A0183E" w:rsidRPr="00DA0828" w14:paraId="03DBEEEB" w14:textId="77777777" w:rsidTr="00A0183E">
        <w:trPr>
          <w:trHeight w:val="285"/>
        </w:trPr>
        <w:tc>
          <w:tcPr>
            <w:tcW w:w="9912" w:type="dxa"/>
            <w:gridSpan w:val="2"/>
            <w:vMerge/>
            <w:shd w:val="clear" w:color="auto" w:fill="FDE9D9" w:themeFill="accent6" w:themeFillTint="33"/>
            <w:vAlign w:val="center"/>
          </w:tcPr>
          <w:p w14:paraId="03DBEEEA" w14:textId="77777777" w:rsidR="00A0183E" w:rsidRPr="00DA0828" w:rsidRDefault="00A0183E" w:rsidP="004F3116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F01DF4" w:rsidRPr="00DA0828" w14:paraId="03DBEEEE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EEC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Schmerze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EED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EF1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EEF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Atemnot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Übermässige Sekretproduktio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EF0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EF4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EF2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rnährung/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br/>
              <w:t xml:space="preserve">Flüssigkeitszufuhr 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EF3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EF7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EF5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Obstipation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Durchfall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EF6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EFA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EF8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Übelkeit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rbreche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EF9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EFE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EFB" w14:textId="77777777" w:rsidR="00F01DF4" w:rsidRPr="00DA0828" w:rsidRDefault="00F01DF4" w:rsidP="00DA0828">
            <w:pPr>
              <w:spacing w:after="6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Neurologische Probleme</w:t>
            </w:r>
            <w:r w:rsid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(Epilepsie, Hirndruck, Dystonie, Spastizität)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EFC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03DBEEFD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F01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EFF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Unruhe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Angst/ Depressio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F00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F04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F02" w14:textId="77777777" w:rsidR="00F01DF4" w:rsidRPr="00DA0828" w:rsidRDefault="00F01DF4" w:rsidP="00B11864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Infektionen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>/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Fieber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F03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F07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F05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Blutung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F06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F0A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F08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Urinausscheidung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F09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F0D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F0B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Schlaf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Fatigue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F0C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F10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F0E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Hautveränderunge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F0F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F13" w14:textId="77777777" w:rsidTr="00A0183E">
        <w:tc>
          <w:tcPr>
            <w:tcW w:w="2541" w:type="dxa"/>
            <w:tcBorders>
              <w:bottom w:val="single" w:sz="4" w:space="0" w:color="auto"/>
            </w:tcBorders>
            <w:shd w:val="clear" w:color="auto" w:fill="FDE9D9" w:themeFill="accent6" w:themeFillTint="33"/>
          </w:tcPr>
          <w:p w14:paraId="03DBEF11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Juckreiz</w:t>
            </w:r>
          </w:p>
        </w:tc>
        <w:tc>
          <w:tcPr>
            <w:tcW w:w="7371" w:type="dxa"/>
            <w:tcBorders>
              <w:bottom w:val="single" w:sz="4" w:space="0" w:color="auto"/>
            </w:tcBorders>
            <w:shd w:val="clear" w:color="auto" w:fill="FDE9D9" w:themeFill="accent6" w:themeFillTint="33"/>
          </w:tcPr>
          <w:p w14:paraId="03DBEF12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F16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3DBEF14" w14:textId="77777777" w:rsidR="00F01DF4" w:rsidRPr="00DA0828" w:rsidRDefault="00386452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noProof/>
                <w:sz w:val="20"/>
                <w:szCs w:val="20"/>
              </w:rPr>
              <w:t>Mobilität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3DBEF15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F19" w14:textId="77777777" w:rsidTr="00A0183E">
        <w:tc>
          <w:tcPr>
            <w:tcW w:w="25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03DBEF17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</w:p>
        </w:tc>
        <w:tc>
          <w:tcPr>
            <w:tcW w:w="73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03DBEF18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03DBEF1C" w14:textId="77777777" w:rsidTr="00A0183E">
        <w:tc>
          <w:tcPr>
            <w:tcW w:w="25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03DBEF1A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</w:p>
        </w:tc>
        <w:tc>
          <w:tcPr>
            <w:tcW w:w="73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03DBEF1B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</w:tbl>
    <w:p w14:paraId="03DBEF1D" w14:textId="77777777" w:rsidR="00851E17" w:rsidRPr="00DA0828" w:rsidRDefault="0084020E" w:rsidP="00967EBE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DA0828">
        <w:rPr>
          <w:rFonts w:ascii="Arial" w:hAnsi="Arial" w:cs="Arial"/>
          <w:sz w:val="20"/>
          <w:szCs w:val="20"/>
        </w:rPr>
        <w:br w:type="page"/>
      </w:r>
    </w:p>
    <w:tbl>
      <w:tblPr>
        <w:tblW w:w="96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830"/>
        <w:gridCol w:w="1701"/>
        <w:gridCol w:w="1843"/>
        <w:gridCol w:w="2410"/>
        <w:gridCol w:w="850"/>
      </w:tblGrid>
      <w:tr w:rsidR="00FE592A" w:rsidRPr="00FD3367" w14:paraId="03DBEF25" w14:textId="77777777" w:rsidTr="00FE592A">
        <w:trPr>
          <w:trHeight w:val="397"/>
          <w:tblHeader/>
        </w:trPr>
        <w:tc>
          <w:tcPr>
            <w:tcW w:w="2830" w:type="dxa"/>
            <w:shd w:val="clear" w:color="auto" w:fill="DAEEF3" w:themeFill="accent5" w:themeFillTint="33"/>
          </w:tcPr>
          <w:p w14:paraId="03DBEF1E" w14:textId="77777777" w:rsidR="00FE592A" w:rsidRPr="0090673F" w:rsidRDefault="00FE592A" w:rsidP="005B09E5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sz w:val="18"/>
                <w:szCs w:val="18"/>
              </w:rPr>
              <w:lastRenderedPageBreak/>
              <w:br w:type="page"/>
            </w:r>
            <w:r w:rsidRPr="0090673F">
              <w:rPr>
                <w:rFonts w:ascii="Arial" w:hAnsi="Arial" w:cs="Arial"/>
                <w:sz w:val="18"/>
                <w:szCs w:val="18"/>
              </w:rPr>
              <w:br w:type="page"/>
            </w:r>
            <w:r w:rsidRPr="0090673F">
              <w:rPr>
                <w:rFonts w:ascii="Arial" w:hAnsi="Arial" w:cs="Arial"/>
                <w:b/>
                <w:sz w:val="18"/>
                <w:szCs w:val="18"/>
              </w:rPr>
              <w:t>Betreuungsteam/</w:t>
            </w:r>
            <w:r>
              <w:rPr>
                <w:rFonts w:ascii="Arial" w:hAnsi="Arial" w:cs="Arial"/>
                <w:b/>
                <w:sz w:val="18"/>
                <w:szCs w:val="18"/>
              </w:rPr>
              <w:t xml:space="preserve"> Adressen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03DBEF1F" w14:textId="77777777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Zuständig für</w:t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03DBEF20" w14:textId="77777777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Erreichbarkeit</w:t>
            </w:r>
          </w:p>
          <w:p w14:paraId="03DBEF21" w14:textId="77777777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22" w14:textId="77777777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Telefonnummer</w:t>
            </w:r>
          </w:p>
          <w:p w14:paraId="03DBEF23" w14:textId="77777777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Mail-Adresse</w:t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03DBEF24" w14:textId="022C171E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Kopie</w:t>
            </w:r>
            <w:r>
              <w:rPr>
                <w:rFonts w:ascii="Arial" w:hAnsi="Arial" w:cs="Arial"/>
                <w:b/>
                <w:sz w:val="18"/>
                <w:szCs w:val="18"/>
              </w:rPr>
              <w:t xml:space="preserve"> BP</w:t>
            </w:r>
            <w:r w:rsidR="00C33D55">
              <w:rPr>
                <w:rFonts w:ascii="Arial" w:hAnsi="Arial" w:cs="Arial"/>
                <w:b/>
                <w:sz w:val="18"/>
                <w:szCs w:val="18"/>
              </w:rPr>
              <w:t>*</w:t>
            </w:r>
            <w:bookmarkStart w:id="5" w:name="_GoBack"/>
            <w:bookmarkEnd w:id="5"/>
          </w:p>
        </w:tc>
      </w:tr>
      <w:tr w:rsidR="00FE592A" w:rsidRPr="00DA0828" w14:paraId="03DBEF2C" w14:textId="77777777" w:rsidTr="00FE592A">
        <w:trPr>
          <w:trHeight w:val="407"/>
        </w:trPr>
        <w:tc>
          <w:tcPr>
            <w:tcW w:w="2830" w:type="dxa"/>
            <w:shd w:val="clear" w:color="auto" w:fill="DAEEF3" w:themeFill="accent5" w:themeFillTint="33"/>
          </w:tcPr>
          <w:p w14:paraId="03DBEF26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Fallführung: </w:t>
            </w:r>
          </w:p>
          <w:p w14:paraId="03DBEF27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28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29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2A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2B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67599676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33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03DBEF2D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Kinderarzt/-ärztin:</w:t>
            </w:r>
          </w:p>
          <w:p w14:paraId="03DBEF2E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2F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30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31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32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209481826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3A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03DBEF34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Spezialist</w:t>
            </w: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>I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/ Facharzt/-ärztin:</w:t>
            </w:r>
          </w:p>
          <w:p w14:paraId="03DBEF35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36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37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38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39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207965219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4F" w14:textId="77777777" w:rsidTr="00FE592A">
        <w:trPr>
          <w:trHeight w:val="658"/>
        </w:trPr>
        <w:tc>
          <w:tcPr>
            <w:tcW w:w="2830" w:type="dxa"/>
            <w:shd w:val="clear" w:color="auto" w:fill="DAEEF3" w:themeFill="accent5" w:themeFillTint="33"/>
          </w:tcPr>
          <w:p w14:paraId="03DBEF3B" w14:textId="77777777" w:rsidR="009C3712" w:rsidRPr="00DA0828" w:rsidRDefault="009C3712" w:rsidP="009C3712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>Bezugs-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</w:t>
            </w: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>PACT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:</w:t>
            </w:r>
          </w:p>
          <w:p w14:paraId="03DBEF3C" w14:textId="77777777" w:rsidR="009C3712" w:rsidRDefault="009C3712" w:rsidP="009C3712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</w:p>
          <w:p w14:paraId="03DBEF3D" w14:textId="77777777" w:rsidR="009C3712" w:rsidRDefault="009C3712" w:rsidP="009C3712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</w:p>
          <w:p w14:paraId="03DBEF3E" w14:textId="77777777" w:rsidR="009C3712" w:rsidRDefault="009C3712" w:rsidP="009C3712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990F1C">
              <w:rPr>
                <w:rFonts w:ascii="Arial" w:hAnsi="Arial" w:cs="Arial"/>
                <w:b/>
                <w:noProof/>
                <w:sz w:val="16"/>
                <w:szCs w:val="16"/>
              </w:rPr>
              <w:t>Stellvertretungen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t xml:space="preserve">: </w:t>
            </w:r>
          </w:p>
          <w:p w14:paraId="03DBEF3F" w14:textId="77777777" w:rsidR="009C3712" w:rsidRDefault="009C3712" w:rsidP="009C3712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noProof/>
                <w:sz w:val="16"/>
                <w:szCs w:val="16"/>
              </w:rPr>
              <w:t>Jürg Streuli</w:t>
            </w:r>
          </w:p>
          <w:p w14:paraId="03DBEF40" w14:textId="77777777" w:rsidR="009C3712" w:rsidRDefault="009C3712" w:rsidP="009C3712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noProof/>
                <w:sz w:val="16"/>
                <w:szCs w:val="16"/>
              </w:rPr>
              <w:t>Ursula von Mengershausen</w:t>
            </w:r>
          </w:p>
          <w:p w14:paraId="03DBEF41" w14:textId="77777777" w:rsidR="009C3712" w:rsidRDefault="009C3712" w:rsidP="009C3712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noProof/>
                <w:sz w:val="16"/>
                <w:szCs w:val="16"/>
              </w:rPr>
              <w:t>Monika Fischer</w:t>
            </w:r>
          </w:p>
          <w:p w14:paraId="03DBEF42" w14:textId="77777777" w:rsidR="009C3712" w:rsidRDefault="009C3712" w:rsidP="009C3712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noProof/>
                <w:sz w:val="16"/>
                <w:szCs w:val="16"/>
              </w:rPr>
              <w:t>Lea Bollag</w:t>
            </w:r>
          </w:p>
          <w:p w14:paraId="03DBEF43" w14:textId="77777777" w:rsidR="00FE592A" w:rsidRPr="00DA0828" w:rsidRDefault="00FE592A" w:rsidP="008964D6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44" w14:textId="77777777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03DBEF45" w14:textId="77777777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03DBEF46" w14:textId="77777777" w:rsidR="00FE592A" w:rsidRPr="00DA0828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47" w14:textId="77777777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03DBEF48" w14:textId="77777777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03DBEF49" w14:textId="77777777" w:rsidR="00FE592A" w:rsidRPr="00DA0828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4A" w14:textId="77777777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03DBEF4B" w14:textId="77777777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03DBEF4C" w14:textId="77777777" w:rsidR="00FE592A" w:rsidRPr="00DA0828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4D" w14:textId="77777777" w:rsidR="009013D2" w:rsidRDefault="00C33D55" w:rsidP="009013D2">
            <w:pPr>
              <w:spacing w:after="0"/>
              <w:jc w:val="center"/>
              <w:rPr>
                <w:rFonts w:ascii="Arial" w:hAnsi="Arial" w:cs="Arial"/>
                <w:bCs/>
                <w:sz w:val="20"/>
                <w:szCs w:val="20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68756482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C371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  <w:p w14:paraId="03DBEF4E" w14:textId="77777777" w:rsidR="00FE592A" w:rsidRPr="00E24145" w:rsidRDefault="00FE592A" w:rsidP="009013D2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FE592A" w:rsidRPr="00DA0828" w14:paraId="03DBEF56" w14:textId="77777777" w:rsidTr="00FE592A">
        <w:trPr>
          <w:trHeight w:val="658"/>
        </w:trPr>
        <w:tc>
          <w:tcPr>
            <w:tcW w:w="2830" w:type="dxa"/>
            <w:shd w:val="clear" w:color="auto" w:fill="DAEEF3" w:themeFill="accent5" w:themeFillTint="33"/>
          </w:tcPr>
          <w:p w14:paraId="03DBEF50" w14:textId="77777777" w:rsidR="00FE592A" w:rsidRDefault="009C3712" w:rsidP="00551A1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>Sekretariat PACT:</w:t>
            </w:r>
          </w:p>
          <w:p w14:paraId="03DBEF51" w14:textId="77777777" w:rsidR="00FE592A" w:rsidRPr="00DA0828" w:rsidRDefault="00FE592A" w:rsidP="00551A1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52" w14:textId="77777777" w:rsidR="00FE592A" w:rsidRDefault="009C3712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noProof/>
                <w:sz w:val="16"/>
                <w:szCs w:val="16"/>
              </w:rPr>
              <w:t>Administrative Tätigkeiten</w:t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03DBEF53" w14:textId="77777777" w:rsidR="00FE592A" w:rsidRDefault="009C3712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noProof/>
                <w:sz w:val="16"/>
                <w:szCs w:val="16"/>
              </w:rPr>
              <w:t>Mo-Do, 8-16 Uhr</w:t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03DBEF54" w14:textId="77777777" w:rsidR="00FE592A" w:rsidRDefault="009C3712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noProof/>
                <w:sz w:val="16"/>
                <w:szCs w:val="16"/>
              </w:rPr>
              <w:t>Info.pact@kispisg.ch</w:t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03DBEF55" w14:textId="77777777" w:rsidR="00FE592A" w:rsidRDefault="00C33D55" w:rsidP="009013D2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60356785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5D" w14:textId="77777777" w:rsidTr="00FE592A">
        <w:trPr>
          <w:trHeight w:val="588"/>
        </w:trPr>
        <w:tc>
          <w:tcPr>
            <w:tcW w:w="2830" w:type="dxa"/>
            <w:shd w:val="clear" w:color="auto" w:fill="DAEEF3" w:themeFill="accent5" w:themeFillTint="33"/>
          </w:tcPr>
          <w:p w14:paraId="03DBEF57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Bezugspflegende </w:t>
            </w: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/ 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Pflegeberatung: </w:t>
            </w:r>
          </w:p>
          <w:p w14:paraId="03DBEF58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59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5A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5B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5C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49522958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64" w14:textId="77777777" w:rsidTr="00FE592A">
        <w:trPr>
          <w:trHeight w:val="580"/>
        </w:trPr>
        <w:tc>
          <w:tcPr>
            <w:tcW w:w="2830" w:type="dxa"/>
            <w:shd w:val="clear" w:color="auto" w:fill="DAEEF3" w:themeFill="accent5" w:themeFillTint="33"/>
          </w:tcPr>
          <w:p w14:paraId="03DBEF5E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Kinderspitex, zuständige Einsatzleitung: </w:t>
            </w:r>
          </w:p>
          <w:p w14:paraId="03DBEF5F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60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61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62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63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191843296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6B" w14:textId="77777777" w:rsidTr="00FE592A">
        <w:trPr>
          <w:trHeight w:val="587"/>
        </w:trPr>
        <w:tc>
          <w:tcPr>
            <w:tcW w:w="2830" w:type="dxa"/>
            <w:shd w:val="clear" w:color="auto" w:fill="DAEEF3" w:themeFill="accent5" w:themeFillTint="33"/>
          </w:tcPr>
          <w:p w14:paraId="03DBEF65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Kinderspitex, Bezugspflegefachperson: </w:t>
            </w:r>
          </w:p>
          <w:p w14:paraId="03DBEF66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    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03DBEF67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68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69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6A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82496261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72" w14:textId="77777777" w:rsidTr="00FE592A">
        <w:trPr>
          <w:trHeight w:val="407"/>
        </w:trPr>
        <w:tc>
          <w:tcPr>
            <w:tcW w:w="2830" w:type="dxa"/>
            <w:shd w:val="clear" w:color="auto" w:fill="DAEEF3" w:themeFill="accent5" w:themeFillTint="33"/>
          </w:tcPr>
          <w:p w14:paraId="03DBEF6C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Sozialberatung: </w:t>
            </w:r>
          </w:p>
          <w:p w14:paraId="03DBEF6D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6E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6F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70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71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81563147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79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03DBEF73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PsychologIn: </w:t>
            </w:r>
          </w:p>
          <w:p w14:paraId="03DBEF74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75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76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77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78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96757256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80" w14:textId="77777777" w:rsidTr="00FE592A">
        <w:trPr>
          <w:trHeight w:val="588"/>
        </w:trPr>
        <w:tc>
          <w:tcPr>
            <w:tcW w:w="2830" w:type="dxa"/>
            <w:shd w:val="clear" w:color="auto" w:fill="DAEEF3" w:themeFill="accent5" w:themeFillTint="33"/>
          </w:tcPr>
          <w:p w14:paraId="03DBEF7A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Ernährungsberatung/Still-beratung: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 </w:t>
            </w:r>
          </w:p>
          <w:p w14:paraId="03DBEF7B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7C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7D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7E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7F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130789195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87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03DBEF81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PhysiotherapeutIn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: </w:t>
            </w:r>
          </w:p>
          <w:p w14:paraId="03DBEF82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83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84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85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86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202829037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8E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03DBEF88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Andere Therapeut</w:t>
            </w: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>In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en: </w:t>
            </w:r>
          </w:p>
          <w:p w14:paraId="03DBEF89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8A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8B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8C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8D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22522365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95" w14:textId="77777777" w:rsidTr="00FE592A">
        <w:trPr>
          <w:trHeight w:val="393"/>
        </w:trPr>
        <w:tc>
          <w:tcPr>
            <w:tcW w:w="2830" w:type="dxa"/>
            <w:shd w:val="clear" w:color="auto" w:fill="DAEEF3" w:themeFill="accent5" w:themeFillTint="33"/>
          </w:tcPr>
          <w:p w14:paraId="03DBEF8F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Seelsorge: </w:t>
            </w:r>
          </w:p>
          <w:p w14:paraId="03DBEF90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91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92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93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94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75957192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9C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03DBEF96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Apotheke/Homecare: </w:t>
            </w:r>
          </w:p>
          <w:p w14:paraId="03DBEF97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98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99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9A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9B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53628176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A3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03DBEF9D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Freiwillige:</w:t>
            </w:r>
          </w:p>
          <w:p w14:paraId="03DBEF9E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9F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A0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A1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A2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109578509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AA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03DBEFA4" w14:textId="77777777" w:rsidR="00FE592A" w:rsidRPr="00DA0828" w:rsidRDefault="008964D6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                </w:t>
            </w:r>
            <w:r w:rsidR="00FE592A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: </w:t>
            </w:r>
          </w:p>
          <w:p w14:paraId="03DBEFA5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shd w:val="clear" w:color="auto" w:fill="DAEEF3" w:themeFill="accent5" w:themeFillTint="33"/>
          </w:tcPr>
          <w:p w14:paraId="03DBEFA6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shd w:val="clear" w:color="auto" w:fill="DAEEF3" w:themeFill="accent5" w:themeFillTint="33"/>
          </w:tcPr>
          <w:p w14:paraId="03DBEFA7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03DBEFA8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shd w:val="clear" w:color="auto" w:fill="DAEEF3" w:themeFill="accent5" w:themeFillTint="33"/>
          </w:tcPr>
          <w:p w14:paraId="03DBEFA9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49002180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  <w:tr w:rsidR="00FE592A" w:rsidRPr="00DA0828" w14:paraId="03DBEFB1" w14:textId="77777777" w:rsidTr="00FE592A">
        <w:trPr>
          <w:trHeight w:val="308"/>
        </w:trPr>
        <w:tc>
          <w:tcPr>
            <w:tcW w:w="28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03DBEFAB" w14:textId="77777777" w:rsidR="00FE592A" w:rsidRPr="00DA0828" w:rsidRDefault="008964D6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               </w:t>
            </w:r>
            <w:r w:rsidR="00FE592A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: </w:t>
            </w:r>
          </w:p>
          <w:p w14:paraId="03DBEFAC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03DBEFAD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03DBEFAE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03DBEFAF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03DBEFB0" w14:textId="77777777" w:rsidR="00FE592A" w:rsidRPr="00DA0828" w:rsidRDefault="00C33D55" w:rsidP="009013D2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sdt>
              <w:sdtPr>
                <w:rPr>
                  <w:rFonts w:ascii="Arial" w:hAnsi="Arial" w:cs="Arial"/>
                  <w:bCs/>
                  <w:sz w:val="20"/>
                  <w:szCs w:val="20"/>
                </w:rPr>
                <w:id w:val="-39674598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013D2">
                  <w:rPr>
                    <w:rFonts w:ascii="MS Gothic" w:eastAsia="MS Gothic" w:hAnsi="MS Gothic" w:cs="Arial" w:hint="eastAsia"/>
                    <w:bCs/>
                    <w:sz w:val="20"/>
                    <w:szCs w:val="20"/>
                  </w:rPr>
                  <w:t>☐</w:t>
                </w:r>
              </w:sdtContent>
            </w:sdt>
          </w:p>
        </w:tc>
      </w:tr>
    </w:tbl>
    <w:p w14:paraId="03DBEFB2" w14:textId="77777777" w:rsidR="007666A3" w:rsidRPr="00DA0828" w:rsidRDefault="007666A3" w:rsidP="007666A3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03DBEFB3" w14:textId="506D63CE" w:rsidR="00FA53EE" w:rsidRDefault="00FA53EE" w:rsidP="00FA53EE">
      <w:pPr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 xml:space="preserve">* Den (aktualisierten) Betreuungsplan und wichtige Berichte erhalten die Personen der </w:t>
      </w:r>
      <w:r w:rsidR="00C33D55">
        <w:rPr>
          <w:rFonts w:ascii="Arial" w:hAnsi="Arial" w:cs="Arial"/>
          <w:sz w:val="20"/>
          <w:szCs w:val="20"/>
        </w:rPr>
        <w:t>5</w:t>
      </w:r>
      <w:r>
        <w:rPr>
          <w:rFonts w:ascii="Arial" w:hAnsi="Arial" w:cs="Arial"/>
          <w:sz w:val="20"/>
          <w:szCs w:val="20"/>
        </w:rPr>
        <w:t xml:space="preserve">. Spalte. </w:t>
      </w:r>
    </w:p>
    <w:p w14:paraId="03DBEFB4" w14:textId="77777777" w:rsidR="00FA53EE" w:rsidRDefault="00FA53EE" w:rsidP="00B11864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03DBEFB5" w14:textId="77777777" w:rsidR="00C057E7" w:rsidRDefault="00C33D55" w:rsidP="00B11864">
      <w:pPr>
        <w:spacing w:after="0" w:line="240" w:lineRule="auto"/>
        <w:rPr>
          <w:rFonts w:ascii="Arial" w:hAnsi="Arial" w:cs="Arial"/>
          <w:b/>
          <w:sz w:val="20"/>
          <w:szCs w:val="20"/>
        </w:rPr>
      </w:pPr>
      <w:sdt>
        <w:sdtPr>
          <w:rPr>
            <w:rFonts w:ascii="Arial" w:hAnsi="Arial" w:cs="Arial"/>
            <w:bCs/>
            <w:sz w:val="20"/>
            <w:szCs w:val="20"/>
          </w:rPr>
          <w:id w:val="-1718729449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9013D2">
            <w:rPr>
              <w:rFonts w:ascii="MS Gothic" w:eastAsia="MS Gothic" w:hAnsi="MS Gothic" w:cs="Arial" w:hint="eastAsia"/>
              <w:bCs/>
              <w:sz w:val="20"/>
              <w:szCs w:val="20"/>
            </w:rPr>
            <w:t>☐</w:t>
          </w:r>
        </w:sdtContent>
      </w:sdt>
      <w:r w:rsidR="00FE592A">
        <w:rPr>
          <w:rFonts w:ascii="Arial" w:hAnsi="Arial" w:cs="Arial"/>
          <w:bCs/>
          <w:sz w:val="20"/>
          <w:szCs w:val="20"/>
        </w:rPr>
        <w:t xml:space="preserve"> Der Nutzung von digitalen Kommunikationskanälen wird von Eltern (und falls angemessen) Kind zugestimmt (Ausnahmen</w:t>
      </w:r>
      <w:r w:rsidR="00F4727F">
        <w:rPr>
          <w:rFonts w:ascii="Arial" w:hAnsi="Arial" w:cs="Arial"/>
          <w:bCs/>
          <w:sz w:val="20"/>
          <w:szCs w:val="20"/>
        </w:rPr>
        <w:t xml:space="preserve">: </w:t>
      </w:r>
      <w:r w:rsidR="00F4727F" w:rsidRPr="00DA0828">
        <w:rPr>
          <w:rFonts w:ascii="Arial" w:hAnsi="Arial" w:cs="Arial"/>
          <w:noProof/>
          <w:sz w:val="16"/>
          <w:szCs w:val="16"/>
        </w:rPr>
        <w:fldChar w:fldCharType="begin">
          <w:ffData>
            <w:name w:val="Text5"/>
            <w:enabled/>
            <w:calcOnExit w:val="0"/>
            <w:textInput/>
          </w:ffData>
        </w:fldChar>
      </w:r>
      <w:r w:rsidR="00F4727F" w:rsidRPr="00DA0828">
        <w:rPr>
          <w:rFonts w:ascii="Arial" w:hAnsi="Arial" w:cs="Arial"/>
          <w:noProof/>
          <w:sz w:val="16"/>
          <w:szCs w:val="16"/>
        </w:rPr>
        <w:instrText xml:space="preserve"> FORMTEXT </w:instrText>
      </w:r>
      <w:r w:rsidR="00F4727F" w:rsidRPr="00DA0828">
        <w:rPr>
          <w:rFonts w:ascii="Arial" w:hAnsi="Arial" w:cs="Arial"/>
          <w:noProof/>
          <w:sz w:val="16"/>
          <w:szCs w:val="16"/>
        </w:rPr>
      </w:r>
      <w:r w:rsidR="00F4727F" w:rsidRPr="00DA0828">
        <w:rPr>
          <w:rFonts w:ascii="Arial" w:hAnsi="Arial" w:cs="Arial"/>
          <w:noProof/>
          <w:sz w:val="16"/>
          <w:szCs w:val="16"/>
        </w:rPr>
        <w:fldChar w:fldCharType="separate"/>
      </w:r>
      <w:r w:rsidR="00F4727F">
        <w:rPr>
          <w:rFonts w:ascii="Arial" w:hAnsi="Arial" w:cs="Arial"/>
          <w:noProof/>
          <w:sz w:val="16"/>
          <w:szCs w:val="16"/>
        </w:rPr>
        <w:t> </w:t>
      </w:r>
      <w:r w:rsidR="00F4727F">
        <w:rPr>
          <w:rFonts w:ascii="Arial" w:hAnsi="Arial" w:cs="Arial"/>
          <w:noProof/>
          <w:sz w:val="16"/>
          <w:szCs w:val="16"/>
        </w:rPr>
        <w:t> </w:t>
      </w:r>
      <w:r w:rsidR="00F4727F">
        <w:rPr>
          <w:rFonts w:ascii="Arial" w:hAnsi="Arial" w:cs="Arial"/>
          <w:noProof/>
          <w:sz w:val="16"/>
          <w:szCs w:val="16"/>
        </w:rPr>
        <w:t> </w:t>
      </w:r>
      <w:r w:rsidR="00F4727F">
        <w:rPr>
          <w:rFonts w:ascii="Arial" w:hAnsi="Arial" w:cs="Arial"/>
          <w:noProof/>
          <w:sz w:val="16"/>
          <w:szCs w:val="16"/>
        </w:rPr>
        <w:t> </w:t>
      </w:r>
      <w:r w:rsidR="00F4727F">
        <w:rPr>
          <w:rFonts w:ascii="Arial" w:hAnsi="Arial" w:cs="Arial"/>
          <w:noProof/>
          <w:sz w:val="16"/>
          <w:szCs w:val="16"/>
        </w:rPr>
        <w:t> </w:t>
      </w:r>
      <w:r w:rsidR="00F4727F" w:rsidRPr="00DA0828">
        <w:rPr>
          <w:rFonts w:ascii="Arial" w:hAnsi="Arial" w:cs="Arial"/>
          <w:noProof/>
          <w:sz w:val="16"/>
          <w:szCs w:val="16"/>
        </w:rPr>
        <w:fldChar w:fldCharType="end"/>
      </w:r>
      <w:r w:rsidR="00F4727F">
        <w:rPr>
          <w:rFonts w:ascii="Arial" w:hAnsi="Arial" w:cs="Arial"/>
          <w:noProof/>
          <w:sz w:val="16"/>
          <w:szCs w:val="16"/>
        </w:rPr>
        <w:t>)</w:t>
      </w:r>
    </w:p>
    <w:p w14:paraId="03DBEFB6" w14:textId="77777777" w:rsidR="00C057E7" w:rsidRDefault="002B0CCB" w:rsidP="002B0CCB">
      <w:pPr>
        <w:tabs>
          <w:tab w:val="left" w:pos="6107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ab/>
      </w:r>
    </w:p>
    <w:p w14:paraId="03DBEFB7" w14:textId="77777777" w:rsidR="000C5FD9" w:rsidRPr="00DA0828" w:rsidRDefault="007666A3" w:rsidP="00B11864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DA0828">
        <w:rPr>
          <w:rFonts w:ascii="Arial" w:hAnsi="Arial" w:cs="Arial"/>
          <w:b/>
          <w:sz w:val="20"/>
          <w:szCs w:val="20"/>
        </w:rPr>
        <w:t>Anhänge:</w:t>
      </w:r>
      <w:r w:rsidRPr="00DA0828">
        <w:rPr>
          <w:rFonts w:ascii="Arial" w:hAnsi="Arial" w:cs="Arial"/>
          <w:sz w:val="20"/>
          <w:szCs w:val="20"/>
        </w:rPr>
        <w:br/>
      </w:r>
      <w:r w:rsidRPr="00DA0828">
        <w:rPr>
          <w:rFonts w:ascii="Arial" w:hAnsi="Arial" w:cs="Arial"/>
          <w:noProof/>
          <w:sz w:val="20"/>
          <w:szCs w:val="20"/>
        </w:rPr>
        <w:t> </w:t>
      </w:r>
      <w:r w:rsidR="00604405" w:rsidRPr="00DA0828">
        <w:rPr>
          <w:rFonts w:ascii="Arial" w:hAnsi="Arial" w:cs="Arial"/>
          <w:sz w:val="20"/>
          <w:szCs w:val="20"/>
        </w:rPr>
        <w:tab/>
      </w:r>
    </w:p>
    <w:sectPr w:rsidR="000C5FD9" w:rsidRPr="00DA0828" w:rsidSect="00591BBE">
      <w:headerReference w:type="even" r:id="rId17"/>
      <w:headerReference w:type="default" r:id="rId18"/>
      <w:footerReference w:type="even" r:id="rId19"/>
      <w:footerReference w:type="default" r:id="rId20"/>
      <w:headerReference w:type="first" r:id="rId21"/>
      <w:footerReference w:type="first" r:id="rId22"/>
      <w:pgSz w:w="11907" w:h="16839" w:code="9"/>
      <w:pgMar w:top="1247" w:right="851" w:bottom="1418" w:left="1134" w:header="709" w:footer="67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03DBEFC0" w14:textId="77777777" w:rsidR="0006772D" w:rsidRDefault="0006772D" w:rsidP="005E2474">
      <w:pPr>
        <w:spacing w:after="0" w:line="240" w:lineRule="auto"/>
      </w:pPr>
      <w:r>
        <w:separator/>
      </w:r>
    </w:p>
  </w:endnote>
  <w:endnote w:type="continuationSeparator" w:id="0">
    <w:p w14:paraId="03DBEFC1" w14:textId="77777777" w:rsidR="0006772D" w:rsidRDefault="0006772D" w:rsidP="005E247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3A7CE3" w14:textId="77777777" w:rsidR="00591BBE" w:rsidRDefault="00591BBE">
    <w:pPr>
      <w:pStyle w:val="Fuzeile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3DBEFC3" w14:textId="77777777" w:rsidR="00FB5611" w:rsidRDefault="00FB5611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sz w:val="12"/>
        <w:szCs w:val="12"/>
      </w:rPr>
    </w:pPr>
    <w:r w:rsidRPr="00604405">
      <w:rPr>
        <w:rFonts w:ascii="Arial" w:hAnsi="Arial" w:cs="Arial"/>
        <w:b/>
        <w:noProof/>
        <w:sz w:val="12"/>
        <w:szCs w:val="12"/>
        <w:lang w:eastAsia="de-CH"/>
      </w:rPr>
      <w:drawing>
        <wp:anchor distT="0" distB="0" distL="114300" distR="114300" simplePos="0" relativeHeight="251663360" behindDoc="1" locked="0" layoutInCell="1" allowOverlap="0" wp14:anchorId="03DBEFCC" wp14:editId="03DBEFCD">
          <wp:simplePos x="0" y="0"/>
          <wp:positionH relativeFrom="column">
            <wp:posOffset>-43815</wp:posOffset>
          </wp:positionH>
          <wp:positionV relativeFrom="paragraph">
            <wp:posOffset>-4994</wp:posOffset>
          </wp:positionV>
          <wp:extent cx="714375" cy="381000"/>
          <wp:effectExtent l="0" t="0" r="9525" b="0"/>
          <wp:wrapTight wrapText="bothSides">
            <wp:wrapPolygon edited="0">
              <wp:start x="0" y="0"/>
              <wp:lineTo x="0" y="20520"/>
              <wp:lineTo x="21312" y="20520"/>
              <wp:lineTo x="21312" y="0"/>
              <wp:lineTo x="0" y="0"/>
            </wp:wrapPolygon>
          </wp:wrapTight>
          <wp:docPr id="50" name="Bild 9" descr="Ein Bild, das Essen, Obst enthält.&#10;&#10;Automatisch generierte Beschreibu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9" name="Bild 9" descr="Ein Bild, das Essen, Obst enthält.&#10;&#10;Automatisch generierte Beschreibu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14375" cy="3810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Arial" w:hAnsi="Arial" w:cs="Arial"/>
        <w:sz w:val="12"/>
        <w:szCs w:val="12"/>
      </w:rPr>
      <w:t>B</w:t>
    </w:r>
    <w:r w:rsidRPr="0062557E">
      <w:rPr>
        <w:rFonts w:ascii="Arial" w:hAnsi="Arial" w:cs="Arial"/>
        <w:sz w:val="12"/>
        <w:szCs w:val="12"/>
      </w:rPr>
      <w:t xml:space="preserve">etreuungsplan </w:t>
    </w:r>
    <w:r>
      <w:rPr>
        <w:rFonts w:ascii="Arial" w:hAnsi="Arial" w:cs="Arial"/>
        <w:sz w:val="12"/>
        <w:szCs w:val="12"/>
      </w:rPr>
      <w:t>adaptiert mit freundlicher Genehmigung</w:t>
    </w:r>
    <w:r w:rsidRPr="0062557E">
      <w:rPr>
        <w:rFonts w:ascii="Arial" w:hAnsi="Arial" w:cs="Arial"/>
        <w:sz w:val="12"/>
        <w:szCs w:val="12"/>
      </w:rPr>
      <w:t xml:space="preserve"> von: PPCN CH</w:t>
    </w:r>
    <w:r>
      <w:rPr>
        <w:rFonts w:ascii="Arial" w:hAnsi="Arial" w:cs="Arial"/>
        <w:sz w:val="12"/>
        <w:szCs w:val="12"/>
      </w:rPr>
      <w:t xml:space="preserve"> </w:t>
    </w:r>
    <w:r w:rsidRPr="0062557E">
      <w:rPr>
        <w:rFonts w:ascii="Arial" w:hAnsi="Arial" w:cs="Arial"/>
        <w:sz w:val="12"/>
        <w:szCs w:val="12"/>
      </w:rPr>
      <w:t>www.ppcnch.jimdo.com</w:t>
    </w:r>
    <w:r>
      <w:rPr>
        <w:rFonts w:ascii="Arial" w:hAnsi="Arial" w:cs="Arial"/>
        <w:sz w:val="12"/>
        <w:szCs w:val="12"/>
      </w:rPr>
      <w:t>| Version vom 05.09.</w:t>
    </w:r>
    <w:r w:rsidRPr="0062557E">
      <w:rPr>
        <w:rFonts w:ascii="Arial" w:hAnsi="Arial" w:cs="Arial"/>
        <w:sz w:val="12"/>
        <w:szCs w:val="12"/>
      </w:rPr>
      <w:t>20</w:t>
    </w:r>
    <w:r>
      <w:rPr>
        <w:rFonts w:ascii="Arial" w:hAnsi="Arial" w:cs="Arial"/>
        <w:sz w:val="12"/>
        <w:szCs w:val="12"/>
      </w:rPr>
      <w:t>20</w:t>
    </w:r>
    <w:r w:rsidRPr="0062557E">
      <w:rPr>
        <w:rFonts w:ascii="Arial" w:hAnsi="Arial" w:cs="Arial"/>
        <w:sz w:val="12"/>
        <w:szCs w:val="12"/>
      </w:rPr>
      <w:t xml:space="preserve"> | </w:t>
    </w:r>
  </w:p>
  <w:p w14:paraId="03DBEFC4" w14:textId="77777777" w:rsidR="00FB5611" w:rsidRDefault="00FB5611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  <w:r w:rsidRPr="006B609F">
      <w:rPr>
        <w:rFonts w:ascii="Arial" w:hAnsi="Arial" w:cs="Arial"/>
        <w:i/>
        <w:iCs/>
        <w:sz w:val="12"/>
        <w:szCs w:val="12"/>
      </w:rPr>
      <w:t>HINWEIS</w:t>
    </w:r>
    <w:r>
      <w:rPr>
        <w:rFonts w:ascii="Arial" w:hAnsi="Arial" w:cs="Arial"/>
        <w:i/>
        <w:iCs/>
        <w:sz w:val="12"/>
        <w:szCs w:val="12"/>
      </w:rPr>
      <w:t>E</w:t>
    </w:r>
    <w:r w:rsidRPr="006B609F">
      <w:rPr>
        <w:rFonts w:ascii="Arial" w:hAnsi="Arial" w:cs="Arial"/>
        <w:i/>
        <w:iCs/>
        <w:sz w:val="12"/>
        <w:szCs w:val="12"/>
      </w:rPr>
      <w:t xml:space="preserve">: Zur Aktualisierung von Name/Vorname/Geburtsdatum in Kopfzeile im Word «Drucken...» auswählen &amp; abbrechen. </w:t>
    </w:r>
  </w:p>
  <w:p w14:paraId="03DBEFC5" w14:textId="6E276C86" w:rsidR="00FB5611" w:rsidRDefault="00FB5611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  <w:r w:rsidRPr="006B609F">
      <w:rPr>
        <w:rFonts w:ascii="Arial" w:hAnsi="Arial" w:cs="Arial"/>
        <w:i/>
        <w:iCs/>
        <w:sz w:val="12"/>
        <w:szCs w:val="12"/>
      </w:rPr>
      <w:t xml:space="preserve">Zum </w:t>
    </w:r>
    <w:r>
      <w:rPr>
        <w:rFonts w:ascii="Arial" w:hAnsi="Arial" w:cs="Arial"/>
        <w:i/>
        <w:iCs/>
        <w:sz w:val="12"/>
        <w:szCs w:val="12"/>
      </w:rPr>
      <w:t xml:space="preserve">einfacheren Bearbeiten des Planes </w:t>
    </w:r>
    <w:r w:rsidRPr="006B609F">
      <w:rPr>
        <w:rFonts w:ascii="Arial" w:hAnsi="Arial" w:cs="Arial"/>
        <w:i/>
        <w:iCs/>
        <w:sz w:val="12"/>
        <w:szCs w:val="12"/>
      </w:rPr>
      <w:t>Schreibschutz entfernen</w:t>
    </w:r>
    <w:r>
      <w:rPr>
        <w:rFonts w:ascii="Arial" w:hAnsi="Arial" w:cs="Arial"/>
        <w:i/>
        <w:iCs/>
        <w:sz w:val="12"/>
        <w:szCs w:val="12"/>
      </w:rPr>
      <w:t xml:space="preserve"> (Mac: Menu Extras-&gt;Dokument schützen), danach Schreibschutz</w:t>
    </w:r>
    <w:r w:rsidRPr="002B0CCB">
      <w:rPr>
        <w:rFonts w:ascii="Arial" w:hAnsi="Arial" w:cs="Arial"/>
        <w:i/>
        <w:iCs/>
        <w:sz w:val="12"/>
        <w:szCs w:val="12"/>
        <w:u w:val="single"/>
      </w:rPr>
      <w:t xml:space="preserve"> nicht</w:t>
    </w:r>
    <w:r>
      <w:rPr>
        <w:rFonts w:ascii="Arial" w:hAnsi="Arial" w:cs="Arial"/>
        <w:i/>
        <w:iCs/>
        <w:sz w:val="12"/>
        <w:szCs w:val="12"/>
      </w:rPr>
      <w:t xml:space="preserve"> mehr aktivieren.</w:t>
    </w:r>
  </w:p>
  <w:p w14:paraId="797B3BE6" w14:textId="07B5E410" w:rsidR="00591BBE" w:rsidRDefault="00591BBE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</w:p>
  <w:p w14:paraId="67FAF6E0" w14:textId="21DDF101" w:rsidR="00591BBE" w:rsidRDefault="00591BBE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</w:p>
  <w:tbl>
    <w:tblPr>
      <w:tblStyle w:val="Tabellenraster"/>
      <w:tblW w:w="0" w:type="auto"/>
      <w:tblBorders>
        <w:left w:val="none" w:sz="0" w:space="0" w:color="auto"/>
        <w:bottom w:val="none" w:sz="0" w:space="0" w:color="auto"/>
      </w:tblBorders>
      <w:tblLook w:val="04A0" w:firstRow="1" w:lastRow="0" w:firstColumn="1" w:lastColumn="0" w:noHBand="0" w:noVBand="1"/>
    </w:tblPr>
    <w:tblGrid>
      <w:gridCol w:w="5480"/>
      <w:gridCol w:w="1131"/>
      <w:gridCol w:w="704"/>
      <w:gridCol w:w="1148"/>
      <w:gridCol w:w="825"/>
    </w:tblGrid>
    <w:tr w:rsidR="00591BBE" w:rsidRPr="00D23B62" w14:paraId="2E3D5616" w14:textId="77777777" w:rsidTr="003C6A9A">
      <w:tc>
        <w:tcPr>
          <w:tcW w:w="5480" w:type="dxa"/>
          <w:tcBorders>
            <w:right w:val="nil"/>
          </w:tcBorders>
        </w:tcPr>
        <w:p w14:paraId="199BC801" w14:textId="125BB575" w:rsidR="00591BBE" w:rsidRPr="00D23B62" w:rsidRDefault="00C33D55" w:rsidP="003C6A9A">
          <w:pPr>
            <w:rPr>
              <w:rFonts w:asciiTheme="minorHAnsi" w:hAnsiTheme="minorHAnsi"/>
              <w:lang w:val="de-DE"/>
            </w:rPr>
          </w:pPr>
          <w:sdt>
            <w:sdtPr>
              <w:rPr>
                <w:rFonts w:cs="Arial"/>
                <w:sz w:val="16"/>
                <w:szCs w:val="16"/>
              </w:rPr>
              <w:alias w:val="Dokumentenart"/>
              <w:tag w:val="cf1ae9938a53438d9808f69e44942ab1"/>
              <w:id w:val="1745060918"/>
              <w:lock w:val="contentLocked"/>
              <w:placeholder>
                <w:docPart w:val="55BA315FA24848F68230014E42542697"/>
              </w:placeholder>
              <w:dataBinding w:prefixMappings="xmlns:ns0='http://schemas.microsoft.com/office/2006/metadata/properties' xmlns:ns1='http://www.w3.org/2001/XMLSchema-instance' xmlns:ns2='http://schemas.microsoft.com/office/infopath/2007/PartnerControls' xmlns:ns3='3a192790-bdc3-4cf3-bb7e-b0d2126ed4e8' xmlns:ns4='f0cd3ec7-ba36-48c5-ad13-f0af2964da33' xmlns:ns5='0aada5f9-0189-45d7-9ae8-c63adbacc090' xmlns:ns6='883f61da-8488-4ed3-97b7-4fe646e4c38a' xmlns:ns7='0f63e6de-1ae7-4686-9785-82d8cb4fa327' xmlns:ns8='6e9f3656-8eeb-4f6f-b0ad-053843468f44' xmlns:ns9='051bce4c-71a7-46a7-b433-1e93f68d673c' xmlns:ns10='6f0bbb6d-8b5b-490c-9ecd-f82b9e3a7b3b' xmlns:ns11='42448f4b-8349-45d4-b26e-ba3a6c56bf28' " w:xpath="/ns0:properties[1]/documentManagement[1]/ns6:cf1ae9938a53438d9808f69e44942ab1[1]/ns2:Terms[1]" w:storeItemID="{BAFDAA3B-2454-4334-9C6E-381889897598}"/>
              <w:text w:multiLine="1"/>
            </w:sdtPr>
            <w:sdtEndPr/>
            <w:sdtContent>
              <w:r w:rsidR="00591BBE">
                <w:rPr>
                  <w:rFonts w:cs="Arial"/>
                  <w:sz w:val="16"/>
                  <w:szCs w:val="16"/>
                </w:rPr>
                <w:t>Formular</w:t>
              </w:r>
            </w:sdtContent>
          </w:sdt>
          <w:r w:rsidR="00591BBE" w:rsidRPr="00D23B62">
            <w:rPr>
              <w:rFonts w:cs="Arial"/>
              <w:sz w:val="16"/>
              <w:szCs w:val="16"/>
            </w:rPr>
            <w:t>–</w:t>
          </w:r>
          <w:r w:rsidR="00591BBE" w:rsidRPr="00D23B62">
            <w:rPr>
              <w:rFonts w:asciiTheme="minorHAnsi" w:hAnsiTheme="minorHAnsi" w:cs="Arial"/>
              <w:sz w:val="16"/>
              <w:szCs w:val="16"/>
            </w:rPr>
            <w:t xml:space="preserve"> </w:t>
          </w:r>
          <w:sdt>
            <w:sdtPr>
              <w:rPr>
                <w:rFonts w:cs="Arial"/>
                <w:sz w:val="16"/>
                <w:szCs w:val="16"/>
              </w:rPr>
              <w:alias w:val="Dokumentenname"/>
              <w:tag w:val="gwsscName"/>
              <w:id w:val="-1403065617"/>
              <w:placeholder>
                <w:docPart w:val="EBA901E597B742F3B7F1A5595D2E2C4D"/>
              </w:placeholder>
              <w:dataBinding w:prefixMappings="xmlns:ns0='http://schemas.microsoft.com/office/2006/metadata/properties' xmlns:ns1='http://www.w3.org/2001/XMLSchema-instance' xmlns:ns2='http://schemas.microsoft.com/office/infopath/2007/PartnerControls' xmlns:ns3='3a192790-bdc3-4cf3-bb7e-b0d2126ed4e8' xmlns:ns4='f0cd3ec7-ba36-48c5-ad13-f0af2964da33' xmlns:ns5='0aada5f9-0189-45d7-9ae8-c63adbacc090' xmlns:ns6='883f61da-8488-4ed3-97b7-4fe646e4c38a' xmlns:ns7='0f63e6de-1ae7-4686-9785-82d8cb4fa327' xmlns:ns8='6e9f3656-8eeb-4f6f-b0ad-053843468f44' xmlns:ns9='051bce4c-71a7-46a7-b433-1e93f68d673c' xmlns:ns10='6f0bbb6d-8b5b-490c-9ecd-f82b9e3a7b3b' xmlns:ns11='42448f4b-8349-45d4-b26e-ba3a6c56bf28' " w:xpath="/ns0:properties[1]/documentManagement[1]/ns3:gwsscName[1]" w:storeItemID="{BAFDAA3B-2454-4334-9C6E-381889897598}"/>
              <w:text/>
            </w:sdtPr>
            <w:sdtEndPr/>
            <w:sdtContent>
              <w:r w:rsidR="00591BBE">
                <w:rPr>
                  <w:rFonts w:cs="Arial"/>
                  <w:sz w:val="16"/>
                  <w:szCs w:val="16"/>
                </w:rPr>
                <w:t>Betreuungsplan.docx</w:t>
              </w:r>
            </w:sdtContent>
          </w:sdt>
        </w:p>
      </w:tc>
      <w:tc>
        <w:tcPr>
          <w:tcW w:w="1131" w:type="dxa"/>
          <w:tcBorders>
            <w:left w:val="nil"/>
            <w:right w:val="nil"/>
          </w:tcBorders>
          <w:vAlign w:val="center"/>
        </w:tcPr>
        <w:sdt>
          <w:sdtPr>
            <w:rPr>
              <w:rFonts w:cs="Arial"/>
              <w:sz w:val="16"/>
              <w:szCs w:val="16"/>
            </w:rPr>
            <w:alias w:val="Geprüft am"/>
            <w:tag w:val="gwsscChecked"/>
            <w:id w:val="-917322943"/>
            <w:lock w:val="contentLocked"/>
            <w:placeholder>
              <w:docPart w:val="ECEC4BEAB0CF465AA66262D0668F8289"/>
            </w:placeholder>
            <w:dataBinding w:prefixMappings="xmlns:ns0='http://schemas.microsoft.com/office/2006/metadata/properties' xmlns:ns1='http://www.w3.org/2001/XMLSchema-instance' xmlns:ns2='http://schemas.microsoft.com/office/infopath/2007/PartnerControls' xmlns:ns3='3a192790-bdc3-4cf3-bb7e-b0d2126ed4e8' xmlns:ns4='f0cd3ec7-ba36-48c5-ad13-f0af2964da33' xmlns:ns5='0aada5f9-0189-45d7-9ae8-c63adbacc090' xmlns:ns6='883f61da-8488-4ed3-97b7-4fe646e4c38a' xmlns:ns7='0f63e6de-1ae7-4686-9785-82d8cb4fa327' xmlns:ns8='6e9f3656-8eeb-4f6f-b0ad-053843468f44' xmlns:ns9='051bce4c-71a7-46a7-b433-1e93f68d673c' xmlns:ns10='6f0bbb6d-8b5b-490c-9ecd-f82b9e3a7b3b' xmlns:ns11='42448f4b-8349-45d4-b26e-ba3a6c56bf28' " w:xpath="/ns0:properties[1]/documentManagement[1]/ns7:gwsscChecked[1]" w:storeItemID="{BAFDAA3B-2454-4334-9C6E-381889897598}"/>
            <w:date w:fullDate="2025-02-10T17:27:00Z">
              <w:dateFormat w:val="dd.MM.yyyy"/>
              <w:lid w:val="de-CH"/>
              <w:storeMappedDataAs w:val="dateTime"/>
              <w:calendar w:val="gregorian"/>
            </w:date>
          </w:sdtPr>
          <w:sdtEndPr/>
          <w:sdtContent>
            <w:p w14:paraId="08547D59" w14:textId="09696BA5" w:rsidR="00591BBE" w:rsidRPr="00D23B62" w:rsidRDefault="00C33D55" w:rsidP="003C6A9A">
              <w:pPr>
                <w:rPr>
                  <w:rFonts w:asciiTheme="minorHAnsi" w:hAnsiTheme="minorHAnsi"/>
                  <w:lang w:val="de-DE"/>
                </w:rPr>
              </w:pPr>
              <w:r>
                <w:rPr>
                  <w:rFonts w:cs="Arial"/>
                  <w:sz w:val="16"/>
                  <w:szCs w:val="16"/>
                </w:rPr>
                <w:t>10.02.2025</w:t>
              </w:r>
            </w:p>
          </w:sdtContent>
        </w:sdt>
      </w:tc>
      <w:sdt>
        <w:sdtPr>
          <w:rPr>
            <w:rFonts w:cs="Arial"/>
            <w:sz w:val="16"/>
            <w:szCs w:val="16"/>
            <w:lang w:val="en-US"/>
          </w:rPr>
          <w:alias w:val="Version als Text"/>
          <w:tag w:val="gwsscVersionTxt"/>
          <w:id w:val="-256906769"/>
          <w:placeholder>
            <w:docPart w:val="89954A34F2234B2BA2B67241DC466FB0"/>
          </w:placeholder>
          <w:dataBinding w:prefixMappings="xmlns:ns0='http://schemas.microsoft.com/office/2006/metadata/properties' xmlns:ns1='http://www.w3.org/2001/XMLSchema-instance' xmlns:ns2='http://schemas.microsoft.com/office/infopath/2007/PartnerControls' xmlns:ns3='3a192790-bdc3-4cf3-bb7e-b0d2126ed4e8' xmlns:ns4='f0cd3ec7-ba36-48c5-ad13-f0af2964da33' xmlns:ns5='0aada5f9-0189-45d7-9ae8-c63adbacc090' xmlns:ns6='883f61da-8488-4ed3-97b7-4fe646e4c38a' xmlns:ns7='0f63e6de-1ae7-4686-9785-82d8cb4fa327' xmlns:ns8='6e9f3656-8eeb-4f6f-b0ad-053843468f44' xmlns:ns9='051bce4c-71a7-46a7-b433-1e93f68d673c' xmlns:ns10='6f0bbb6d-8b5b-490c-9ecd-f82b9e3a7b3b' xmlns:ns11='42448f4b-8349-45d4-b26e-ba3a6c56bf28' " w:xpath="/ns0:properties[1]/documentManagement[1]/ns3:gwsscVersionTxt[1]" w:storeItemID="{BAFDAA3B-2454-4334-9C6E-381889897598}"/>
          <w:text/>
        </w:sdtPr>
        <w:sdtEndPr/>
        <w:sdtContent>
          <w:tc>
            <w:tcPr>
              <w:tcW w:w="704" w:type="dxa"/>
              <w:tcBorders>
                <w:left w:val="nil"/>
                <w:bottom w:val="nil"/>
                <w:right w:val="nil"/>
              </w:tcBorders>
              <w:vAlign w:val="center"/>
            </w:tcPr>
            <w:p w14:paraId="2C596E8A" w14:textId="43537B80" w:rsidR="00591BBE" w:rsidRPr="00D23B62" w:rsidRDefault="00C33D55" w:rsidP="003C6A9A">
              <w:pPr>
                <w:rPr>
                  <w:rFonts w:asciiTheme="minorHAnsi" w:hAnsiTheme="minorHAnsi"/>
                  <w:lang w:val="de-DE"/>
                </w:rPr>
              </w:pPr>
              <w:r>
                <w:rPr>
                  <w:rFonts w:cs="Arial"/>
                  <w:sz w:val="16"/>
                  <w:szCs w:val="16"/>
                  <w:lang w:val="en-US"/>
                </w:rPr>
                <w:t>3.0</w:t>
              </w:r>
            </w:p>
          </w:tc>
        </w:sdtContent>
      </w:sdt>
      <w:tc>
        <w:tcPr>
          <w:tcW w:w="1148" w:type="dxa"/>
          <w:tcBorders>
            <w:left w:val="nil"/>
            <w:bottom w:val="nil"/>
            <w:right w:val="nil"/>
          </w:tcBorders>
          <w:vAlign w:val="center"/>
        </w:tcPr>
        <w:sdt>
          <w:sdtPr>
            <w:rPr>
              <w:rFonts w:cs="Arial"/>
              <w:sz w:val="16"/>
              <w:szCs w:val="16"/>
            </w:rPr>
            <w:alias w:val="Veröffentlicht am"/>
            <w:tag w:val="gwsscApproved"/>
            <w:id w:val="2019197019"/>
            <w:lock w:val="contentLocked"/>
            <w:placeholder>
              <w:docPart w:val="0DBBB695EC704ADC82202EBA419FF8B5"/>
            </w:placeholder>
            <w:dataBinding w:prefixMappings="xmlns:ns0='http://schemas.microsoft.com/office/2006/metadata/properties' xmlns:ns1='http://www.w3.org/2001/XMLSchema-instance' xmlns:ns2='http://schemas.microsoft.com/office/infopath/2007/PartnerControls' xmlns:ns3='3a192790-bdc3-4cf3-bb7e-b0d2126ed4e8' xmlns:ns4='f0cd3ec7-ba36-48c5-ad13-f0af2964da33' xmlns:ns5='0aada5f9-0189-45d7-9ae8-c63adbacc090' xmlns:ns6='883f61da-8488-4ed3-97b7-4fe646e4c38a' xmlns:ns7='0f63e6de-1ae7-4686-9785-82d8cb4fa327' xmlns:ns8='6e9f3656-8eeb-4f6f-b0ad-053843468f44' xmlns:ns9='051bce4c-71a7-46a7-b433-1e93f68d673c' xmlns:ns10='6f0bbb6d-8b5b-490c-9ecd-f82b9e3a7b3b' xmlns:ns11='42448f4b-8349-45d4-b26e-ba3a6c56bf28' " w:xpath="/ns0:properties[1]/documentManagement[1]/ns7:gwsscApproved[1]" w:storeItemID="{BAFDAA3B-2454-4334-9C6E-381889897598}"/>
            <w:date w:fullDate="2025-02-10T17:28:00Z">
              <w:dateFormat w:val="dd.MM.yyyy"/>
              <w:lid w:val="de-CH"/>
              <w:storeMappedDataAs w:val="dateTime"/>
              <w:calendar w:val="gregorian"/>
            </w:date>
          </w:sdtPr>
          <w:sdtEndPr/>
          <w:sdtContent>
            <w:p w14:paraId="7DF2683D" w14:textId="0F6AC647" w:rsidR="00591BBE" w:rsidRPr="00D23B62" w:rsidRDefault="00C33D55" w:rsidP="003C6A9A">
              <w:pPr>
                <w:rPr>
                  <w:rFonts w:asciiTheme="minorHAnsi" w:hAnsiTheme="minorHAnsi"/>
                  <w:lang w:val="de-DE"/>
                </w:rPr>
              </w:pPr>
              <w:r>
                <w:rPr>
                  <w:rFonts w:cs="Arial"/>
                  <w:sz w:val="16"/>
                  <w:szCs w:val="16"/>
                </w:rPr>
                <w:t>10.02.2025</w:t>
              </w:r>
            </w:p>
          </w:sdtContent>
        </w:sdt>
      </w:tc>
      <w:tc>
        <w:tcPr>
          <w:tcW w:w="825" w:type="dxa"/>
          <w:tcBorders>
            <w:left w:val="nil"/>
            <w:bottom w:val="nil"/>
            <w:right w:val="nil"/>
          </w:tcBorders>
          <w:vAlign w:val="center"/>
        </w:tcPr>
        <w:p w14:paraId="5795F0A2" w14:textId="112D5D5D" w:rsidR="00591BBE" w:rsidRPr="00D23B62" w:rsidRDefault="00591BBE" w:rsidP="003C6A9A">
          <w:pPr>
            <w:rPr>
              <w:rFonts w:cs="Arial"/>
              <w:lang w:val="de-DE"/>
            </w:rPr>
          </w:pPr>
          <w:r w:rsidRPr="00D23B62">
            <w:rPr>
              <w:rFonts w:cs="Arial"/>
              <w:noProof/>
              <w:sz w:val="16"/>
              <w:szCs w:val="16"/>
            </w:rPr>
            <w:fldChar w:fldCharType="begin"/>
          </w:r>
          <w:r w:rsidRPr="00D23B62">
            <w:rPr>
              <w:rFonts w:cs="Arial"/>
              <w:noProof/>
              <w:sz w:val="16"/>
              <w:szCs w:val="16"/>
            </w:rPr>
            <w:instrText xml:space="preserve"> PAGE   \* MERGEFORMAT </w:instrText>
          </w:r>
          <w:r w:rsidRPr="00D23B62">
            <w:rPr>
              <w:rFonts w:cs="Arial"/>
              <w:noProof/>
              <w:sz w:val="16"/>
              <w:szCs w:val="16"/>
            </w:rPr>
            <w:fldChar w:fldCharType="separate"/>
          </w:r>
          <w:r w:rsidR="00C33D55">
            <w:rPr>
              <w:rFonts w:cs="Arial"/>
              <w:noProof/>
              <w:sz w:val="16"/>
              <w:szCs w:val="16"/>
            </w:rPr>
            <w:t>3</w:t>
          </w:r>
          <w:r w:rsidRPr="00D23B62">
            <w:rPr>
              <w:rFonts w:cs="Arial"/>
              <w:noProof/>
              <w:sz w:val="16"/>
              <w:szCs w:val="16"/>
            </w:rPr>
            <w:fldChar w:fldCharType="end"/>
          </w:r>
          <w:r w:rsidRPr="00D23B62">
            <w:rPr>
              <w:rFonts w:cs="Arial"/>
              <w:sz w:val="16"/>
              <w:szCs w:val="16"/>
            </w:rPr>
            <w:t xml:space="preserve"> / </w:t>
          </w:r>
          <w:r w:rsidRPr="00D23B62">
            <w:rPr>
              <w:rFonts w:cs="Arial"/>
              <w:noProof/>
              <w:sz w:val="16"/>
              <w:szCs w:val="16"/>
            </w:rPr>
            <w:fldChar w:fldCharType="begin"/>
          </w:r>
          <w:r w:rsidRPr="00D23B62">
            <w:rPr>
              <w:rFonts w:cs="Arial"/>
              <w:noProof/>
              <w:sz w:val="16"/>
              <w:szCs w:val="16"/>
            </w:rPr>
            <w:instrText xml:space="preserve"> NUMPAGES   \* MERGEFORMAT </w:instrText>
          </w:r>
          <w:r w:rsidRPr="00D23B62">
            <w:rPr>
              <w:rFonts w:cs="Arial"/>
              <w:noProof/>
              <w:sz w:val="16"/>
              <w:szCs w:val="16"/>
            </w:rPr>
            <w:fldChar w:fldCharType="separate"/>
          </w:r>
          <w:r w:rsidR="00C33D55">
            <w:rPr>
              <w:rFonts w:cs="Arial"/>
              <w:noProof/>
              <w:sz w:val="16"/>
              <w:szCs w:val="16"/>
            </w:rPr>
            <w:t>4</w:t>
          </w:r>
          <w:r w:rsidRPr="00D23B62">
            <w:rPr>
              <w:rFonts w:cs="Arial"/>
              <w:noProof/>
              <w:sz w:val="16"/>
              <w:szCs w:val="16"/>
            </w:rPr>
            <w:fldChar w:fldCharType="end"/>
          </w:r>
        </w:p>
      </w:tc>
    </w:tr>
  </w:tbl>
  <w:p w14:paraId="5A736FFB" w14:textId="77777777" w:rsidR="00591BBE" w:rsidRPr="006B609F" w:rsidRDefault="00591BBE" w:rsidP="00591BBE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6"/>
        <w:szCs w:val="16"/>
      </w:rPr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3DBEFC8" w14:textId="77777777" w:rsidR="00FB5611" w:rsidRDefault="00FB5611" w:rsidP="006B609F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sz w:val="12"/>
        <w:szCs w:val="12"/>
      </w:rPr>
    </w:pPr>
    <w:r w:rsidRPr="00604405">
      <w:rPr>
        <w:rFonts w:ascii="Arial" w:hAnsi="Arial" w:cs="Arial"/>
        <w:b/>
        <w:noProof/>
        <w:sz w:val="12"/>
        <w:szCs w:val="12"/>
        <w:lang w:eastAsia="de-CH"/>
      </w:rPr>
      <w:drawing>
        <wp:anchor distT="0" distB="0" distL="114300" distR="114300" simplePos="0" relativeHeight="251661312" behindDoc="1" locked="0" layoutInCell="1" allowOverlap="0" wp14:anchorId="03DBEFD2" wp14:editId="03DBEFD3">
          <wp:simplePos x="0" y="0"/>
          <wp:positionH relativeFrom="column">
            <wp:posOffset>-43815</wp:posOffset>
          </wp:positionH>
          <wp:positionV relativeFrom="paragraph">
            <wp:posOffset>-4994</wp:posOffset>
          </wp:positionV>
          <wp:extent cx="714375" cy="381000"/>
          <wp:effectExtent l="0" t="0" r="9525" b="0"/>
          <wp:wrapTight wrapText="bothSides">
            <wp:wrapPolygon edited="0">
              <wp:start x="0" y="0"/>
              <wp:lineTo x="0" y="20520"/>
              <wp:lineTo x="21312" y="20520"/>
              <wp:lineTo x="21312" y="0"/>
              <wp:lineTo x="0" y="0"/>
            </wp:wrapPolygon>
          </wp:wrapTight>
          <wp:docPr id="52" name="Bild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Bild 9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14375" cy="3810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Arial" w:hAnsi="Arial" w:cs="Arial"/>
        <w:sz w:val="12"/>
        <w:szCs w:val="12"/>
      </w:rPr>
      <w:t>V2021-10-06; B</w:t>
    </w:r>
    <w:r w:rsidRPr="0062557E">
      <w:rPr>
        <w:rFonts w:ascii="Arial" w:hAnsi="Arial" w:cs="Arial"/>
        <w:sz w:val="12"/>
        <w:szCs w:val="12"/>
      </w:rPr>
      <w:t xml:space="preserve">etreuungsplan </w:t>
    </w:r>
    <w:r>
      <w:rPr>
        <w:rFonts w:ascii="Arial" w:hAnsi="Arial" w:cs="Arial"/>
        <w:sz w:val="12"/>
        <w:szCs w:val="12"/>
      </w:rPr>
      <w:t>adaptiert mit freundlicher Genehmigung</w:t>
    </w:r>
    <w:r w:rsidRPr="0062557E">
      <w:rPr>
        <w:rFonts w:ascii="Arial" w:hAnsi="Arial" w:cs="Arial"/>
        <w:sz w:val="12"/>
        <w:szCs w:val="12"/>
      </w:rPr>
      <w:t xml:space="preserve"> von: PPCN CH</w:t>
    </w:r>
    <w:r>
      <w:rPr>
        <w:rFonts w:ascii="Arial" w:hAnsi="Arial" w:cs="Arial"/>
        <w:sz w:val="12"/>
        <w:szCs w:val="12"/>
      </w:rPr>
      <w:t xml:space="preserve"> </w:t>
    </w:r>
    <w:r w:rsidRPr="0062557E">
      <w:rPr>
        <w:rFonts w:ascii="Arial" w:hAnsi="Arial" w:cs="Arial"/>
        <w:sz w:val="12"/>
        <w:szCs w:val="12"/>
      </w:rPr>
      <w:t>www.ppcnch.jimdo.com</w:t>
    </w:r>
    <w:r>
      <w:rPr>
        <w:rFonts w:ascii="Arial" w:hAnsi="Arial" w:cs="Arial"/>
        <w:sz w:val="12"/>
        <w:szCs w:val="12"/>
      </w:rPr>
      <w:t>| Version vom 05.09.</w:t>
    </w:r>
    <w:r w:rsidRPr="0062557E">
      <w:rPr>
        <w:rFonts w:ascii="Arial" w:hAnsi="Arial" w:cs="Arial"/>
        <w:sz w:val="12"/>
        <w:szCs w:val="12"/>
      </w:rPr>
      <w:t>20</w:t>
    </w:r>
    <w:r>
      <w:rPr>
        <w:rFonts w:ascii="Arial" w:hAnsi="Arial" w:cs="Arial"/>
        <w:sz w:val="12"/>
        <w:szCs w:val="12"/>
      </w:rPr>
      <w:t>20</w:t>
    </w:r>
    <w:r w:rsidRPr="0062557E">
      <w:rPr>
        <w:rFonts w:ascii="Arial" w:hAnsi="Arial" w:cs="Arial"/>
        <w:sz w:val="12"/>
        <w:szCs w:val="12"/>
      </w:rPr>
      <w:t xml:space="preserve"> | </w:t>
    </w:r>
  </w:p>
  <w:p w14:paraId="03DBEFC9" w14:textId="77777777" w:rsidR="00FB5611" w:rsidRDefault="00FB5611" w:rsidP="002B0CCB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  <w:r w:rsidRPr="006B609F">
      <w:rPr>
        <w:rFonts w:ascii="Arial" w:hAnsi="Arial" w:cs="Arial"/>
        <w:i/>
        <w:iCs/>
        <w:sz w:val="12"/>
        <w:szCs w:val="12"/>
      </w:rPr>
      <w:t>HINWEIS</w:t>
    </w:r>
    <w:r>
      <w:rPr>
        <w:rFonts w:ascii="Arial" w:hAnsi="Arial" w:cs="Arial"/>
        <w:i/>
        <w:iCs/>
        <w:sz w:val="12"/>
        <w:szCs w:val="12"/>
      </w:rPr>
      <w:t>E</w:t>
    </w:r>
    <w:r w:rsidRPr="006B609F">
      <w:rPr>
        <w:rFonts w:ascii="Arial" w:hAnsi="Arial" w:cs="Arial"/>
        <w:i/>
        <w:iCs/>
        <w:sz w:val="12"/>
        <w:szCs w:val="12"/>
      </w:rPr>
      <w:t xml:space="preserve">: Zur Aktualisierung von Name/Vorname/Geburtsdatum in Kopfzeile im Word «Drucken...» auswählen &amp; abbrechen. </w:t>
    </w:r>
  </w:p>
  <w:p w14:paraId="03DBEFCA" w14:textId="4C0472B5" w:rsidR="00FB5611" w:rsidRDefault="00FB5611" w:rsidP="006B609F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  <w:r w:rsidRPr="006B609F">
      <w:rPr>
        <w:rFonts w:ascii="Arial" w:hAnsi="Arial" w:cs="Arial"/>
        <w:i/>
        <w:iCs/>
        <w:sz w:val="12"/>
        <w:szCs w:val="12"/>
      </w:rPr>
      <w:t xml:space="preserve">Zum </w:t>
    </w:r>
    <w:r>
      <w:rPr>
        <w:rFonts w:ascii="Arial" w:hAnsi="Arial" w:cs="Arial"/>
        <w:i/>
        <w:iCs/>
        <w:sz w:val="12"/>
        <w:szCs w:val="12"/>
      </w:rPr>
      <w:t xml:space="preserve">einfacheren Bearbeiten des Planes </w:t>
    </w:r>
    <w:r w:rsidRPr="006B609F">
      <w:rPr>
        <w:rFonts w:ascii="Arial" w:hAnsi="Arial" w:cs="Arial"/>
        <w:i/>
        <w:iCs/>
        <w:sz w:val="12"/>
        <w:szCs w:val="12"/>
      </w:rPr>
      <w:t>Schreibschutz entfernen</w:t>
    </w:r>
    <w:r>
      <w:rPr>
        <w:rFonts w:ascii="Arial" w:hAnsi="Arial" w:cs="Arial"/>
        <w:i/>
        <w:iCs/>
        <w:sz w:val="12"/>
        <w:szCs w:val="12"/>
      </w:rPr>
      <w:t xml:space="preserve"> (Mac: Menu Extras-&gt;Dokument schützen), danach Schreibschutz</w:t>
    </w:r>
    <w:r w:rsidRPr="002B0CCB">
      <w:rPr>
        <w:rFonts w:ascii="Arial" w:hAnsi="Arial" w:cs="Arial"/>
        <w:i/>
        <w:iCs/>
        <w:sz w:val="12"/>
        <w:szCs w:val="12"/>
        <w:u w:val="single"/>
      </w:rPr>
      <w:t xml:space="preserve"> nicht</w:t>
    </w:r>
    <w:r>
      <w:rPr>
        <w:rFonts w:ascii="Arial" w:hAnsi="Arial" w:cs="Arial"/>
        <w:i/>
        <w:iCs/>
        <w:sz w:val="12"/>
        <w:szCs w:val="12"/>
      </w:rPr>
      <w:t xml:space="preserve"> mehr aktivieren.</w:t>
    </w:r>
  </w:p>
  <w:p w14:paraId="61B15E7F" w14:textId="240ADBEE" w:rsidR="00591BBE" w:rsidRDefault="00591BBE" w:rsidP="006B609F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</w:p>
  <w:tbl>
    <w:tblPr>
      <w:tblStyle w:val="Tabellenraster"/>
      <w:tblW w:w="0" w:type="auto"/>
      <w:tblBorders>
        <w:left w:val="none" w:sz="0" w:space="0" w:color="auto"/>
        <w:bottom w:val="none" w:sz="0" w:space="0" w:color="auto"/>
      </w:tblBorders>
      <w:tblLook w:val="04A0" w:firstRow="1" w:lastRow="0" w:firstColumn="1" w:lastColumn="0" w:noHBand="0" w:noVBand="1"/>
    </w:tblPr>
    <w:tblGrid>
      <w:gridCol w:w="5480"/>
      <w:gridCol w:w="1131"/>
      <w:gridCol w:w="704"/>
      <w:gridCol w:w="1148"/>
      <w:gridCol w:w="825"/>
    </w:tblGrid>
    <w:tr w:rsidR="00591BBE" w:rsidRPr="00D23B62" w14:paraId="3E96AE1A" w14:textId="77777777" w:rsidTr="003C6A9A">
      <w:tc>
        <w:tcPr>
          <w:tcW w:w="5480" w:type="dxa"/>
          <w:tcBorders>
            <w:right w:val="nil"/>
          </w:tcBorders>
        </w:tcPr>
        <w:p w14:paraId="583A3C61" w14:textId="36D54D33" w:rsidR="00591BBE" w:rsidRPr="00D23B62" w:rsidRDefault="00C33D55" w:rsidP="003C6A9A">
          <w:pPr>
            <w:rPr>
              <w:rFonts w:asciiTheme="minorHAnsi" w:hAnsiTheme="minorHAnsi"/>
              <w:lang w:val="de-DE"/>
            </w:rPr>
          </w:pPr>
          <w:sdt>
            <w:sdtPr>
              <w:rPr>
                <w:rFonts w:cs="Arial"/>
                <w:sz w:val="16"/>
                <w:szCs w:val="16"/>
              </w:rPr>
              <w:alias w:val="Dokumentenart"/>
              <w:tag w:val="cf1ae9938a53438d9808f69e44942ab1"/>
              <w:id w:val="-2126226589"/>
              <w:lock w:val="contentLocked"/>
              <w:placeholder>
                <w:docPart w:val="1F2130C26B50462B9EA79B4AA03AA9EB"/>
              </w:placeholder>
              <w:dataBinding w:prefixMappings="xmlns:ns0='http://schemas.microsoft.com/office/2006/metadata/properties' xmlns:ns1='http://www.w3.org/2001/XMLSchema-instance' xmlns:ns2='http://schemas.microsoft.com/office/infopath/2007/PartnerControls' xmlns:ns3='3a192790-bdc3-4cf3-bb7e-b0d2126ed4e8' xmlns:ns4='f0cd3ec7-ba36-48c5-ad13-f0af2964da33' xmlns:ns5='0aada5f9-0189-45d7-9ae8-c63adbacc090' xmlns:ns6='883f61da-8488-4ed3-97b7-4fe646e4c38a' xmlns:ns7='0f63e6de-1ae7-4686-9785-82d8cb4fa327' xmlns:ns8='6e9f3656-8eeb-4f6f-b0ad-053843468f44' xmlns:ns9='051bce4c-71a7-46a7-b433-1e93f68d673c' xmlns:ns10='6f0bbb6d-8b5b-490c-9ecd-f82b9e3a7b3b' xmlns:ns11='42448f4b-8349-45d4-b26e-ba3a6c56bf28' " w:xpath="/ns0:properties[1]/documentManagement[1]/ns6:cf1ae9938a53438d9808f69e44942ab1[1]/ns2:Terms[1]" w:storeItemID="{BAFDAA3B-2454-4334-9C6E-381889897598}"/>
              <w:text w:multiLine="1"/>
            </w:sdtPr>
            <w:sdtEndPr/>
            <w:sdtContent>
              <w:r w:rsidR="00591BBE">
                <w:rPr>
                  <w:rFonts w:cs="Arial"/>
                  <w:sz w:val="16"/>
                  <w:szCs w:val="16"/>
                </w:rPr>
                <w:t>Formular</w:t>
              </w:r>
            </w:sdtContent>
          </w:sdt>
          <w:r w:rsidR="00591BBE" w:rsidRPr="00D23B62">
            <w:rPr>
              <w:rFonts w:cs="Arial"/>
              <w:sz w:val="16"/>
              <w:szCs w:val="16"/>
            </w:rPr>
            <w:t>–</w:t>
          </w:r>
          <w:r w:rsidR="00591BBE" w:rsidRPr="00D23B62">
            <w:rPr>
              <w:rFonts w:asciiTheme="minorHAnsi" w:hAnsiTheme="minorHAnsi" w:cs="Arial"/>
              <w:sz w:val="16"/>
              <w:szCs w:val="16"/>
            </w:rPr>
            <w:t xml:space="preserve"> </w:t>
          </w:r>
          <w:sdt>
            <w:sdtPr>
              <w:rPr>
                <w:rFonts w:cs="Arial"/>
                <w:sz w:val="16"/>
                <w:szCs w:val="16"/>
              </w:rPr>
              <w:alias w:val="Dokumentenname"/>
              <w:tag w:val="gwsscName"/>
              <w:id w:val="973802189"/>
              <w:placeholder>
                <w:docPart w:val="46D6DB68A50D45EAAB9F0085D4999020"/>
              </w:placeholder>
              <w:dataBinding w:prefixMappings="xmlns:ns0='http://schemas.microsoft.com/office/2006/metadata/properties' xmlns:ns1='http://www.w3.org/2001/XMLSchema-instance' xmlns:ns2='http://schemas.microsoft.com/office/infopath/2007/PartnerControls' xmlns:ns3='3a192790-bdc3-4cf3-bb7e-b0d2126ed4e8' xmlns:ns4='f0cd3ec7-ba36-48c5-ad13-f0af2964da33' xmlns:ns5='0aada5f9-0189-45d7-9ae8-c63adbacc090' xmlns:ns6='883f61da-8488-4ed3-97b7-4fe646e4c38a' xmlns:ns7='0f63e6de-1ae7-4686-9785-82d8cb4fa327' xmlns:ns8='6e9f3656-8eeb-4f6f-b0ad-053843468f44' xmlns:ns9='051bce4c-71a7-46a7-b433-1e93f68d673c' xmlns:ns10='6f0bbb6d-8b5b-490c-9ecd-f82b9e3a7b3b' xmlns:ns11='42448f4b-8349-45d4-b26e-ba3a6c56bf28' " w:xpath="/ns0:properties[1]/documentManagement[1]/ns3:gwsscName[1]" w:storeItemID="{BAFDAA3B-2454-4334-9C6E-381889897598}"/>
              <w:text/>
            </w:sdtPr>
            <w:sdtEndPr/>
            <w:sdtContent>
              <w:r w:rsidR="00591BBE">
                <w:rPr>
                  <w:rFonts w:cs="Arial"/>
                  <w:sz w:val="16"/>
                  <w:szCs w:val="16"/>
                </w:rPr>
                <w:t>Betreuungsplan.docx</w:t>
              </w:r>
            </w:sdtContent>
          </w:sdt>
        </w:p>
      </w:tc>
      <w:tc>
        <w:tcPr>
          <w:tcW w:w="1131" w:type="dxa"/>
          <w:tcBorders>
            <w:left w:val="nil"/>
            <w:right w:val="nil"/>
          </w:tcBorders>
          <w:vAlign w:val="center"/>
        </w:tcPr>
        <w:sdt>
          <w:sdtPr>
            <w:rPr>
              <w:rFonts w:cs="Arial"/>
              <w:sz w:val="16"/>
              <w:szCs w:val="16"/>
            </w:rPr>
            <w:alias w:val="Geprüft am"/>
            <w:tag w:val="gwsscChecked"/>
            <w:id w:val="-1360113674"/>
            <w:lock w:val="contentLocked"/>
            <w:placeholder>
              <w:docPart w:val="86154E4D9F04434DBBF7D4AD0026788F"/>
            </w:placeholder>
            <w:dataBinding w:prefixMappings="xmlns:ns0='http://schemas.microsoft.com/office/2006/metadata/properties' xmlns:ns1='http://www.w3.org/2001/XMLSchema-instance' xmlns:ns2='http://schemas.microsoft.com/office/infopath/2007/PartnerControls' xmlns:ns3='3a192790-bdc3-4cf3-bb7e-b0d2126ed4e8' xmlns:ns4='f0cd3ec7-ba36-48c5-ad13-f0af2964da33' xmlns:ns5='0aada5f9-0189-45d7-9ae8-c63adbacc090' xmlns:ns6='883f61da-8488-4ed3-97b7-4fe646e4c38a' xmlns:ns7='0f63e6de-1ae7-4686-9785-82d8cb4fa327' xmlns:ns8='6e9f3656-8eeb-4f6f-b0ad-053843468f44' xmlns:ns9='051bce4c-71a7-46a7-b433-1e93f68d673c' xmlns:ns10='6f0bbb6d-8b5b-490c-9ecd-f82b9e3a7b3b' xmlns:ns11='42448f4b-8349-45d4-b26e-ba3a6c56bf28' " w:xpath="/ns0:properties[1]/documentManagement[1]/ns7:gwsscChecked[1]" w:storeItemID="{BAFDAA3B-2454-4334-9C6E-381889897598}"/>
            <w:date w:fullDate="2025-02-10T17:27:00Z">
              <w:dateFormat w:val="dd.MM.yyyy"/>
              <w:lid w:val="de-CH"/>
              <w:storeMappedDataAs w:val="dateTime"/>
              <w:calendar w:val="gregorian"/>
            </w:date>
          </w:sdtPr>
          <w:sdtEndPr/>
          <w:sdtContent>
            <w:p w14:paraId="4D2B390B" w14:textId="4F78E2F9" w:rsidR="00591BBE" w:rsidRPr="00D23B62" w:rsidRDefault="00C33D55" w:rsidP="003C6A9A">
              <w:pPr>
                <w:rPr>
                  <w:rFonts w:asciiTheme="minorHAnsi" w:hAnsiTheme="minorHAnsi"/>
                  <w:lang w:val="de-DE"/>
                </w:rPr>
              </w:pPr>
              <w:r>
                <w:rPr>
                  <w:rFonts w:cs="Arial"/>
                  <w:sz w:val="16"/>
                  <w:szCs w:val="16"/>
                </w:rPr>
                <w:t>10.02.2025</w:t>
              </w:r>
            </w:p>
          </w:sdtContent>
        </w:sdt>
      </w:tc>
      <w:sdt>
        <w:sdtPr>
          <w:rPr>
            <w:rFonts w:cs="Arial"/>
            <w:sz w:val="16"/>
            <w:szCs w:val="16"/>
            <w:lang w:val="en-US"/>
          </w:rPr>
          <w:alias w:val="Version als Text"/>
          <w:tag w:val="gwsscVersionTxt"/>
          <w:id w:val="-686133696"/>
          <w:placeholder>
            <w:docPart w:val="61CF2DBD8525451CB174856E4E04AAA7"/>
          </w:placeholder>
          <w:dataBinding w:prefixMappings="xmlns:ns0='http://schemas.microsoft.com/office/2006/metadata/properties' xmlns:ns1='http://www.w3.org/2001/XMLSchema-instance' xmlns:ns2='http://schemas.microsoft.com/office/infopath/2007/PartnerControls' xmlns:ns3='3a192790-bdc3-4cf3-bb7e-b0d2126ed4e8' xmlns:ns4='f0cd3ec7-ba36-48c5-ad13-f0af2964da33' xmlns:ns5='0aada5f9-0189-45d7-9ae8-c63adbacc090' xmlns:ns6='883f61da-8488-4ed3-97b7-4fe646e4c38a' xmlns:ns7='0f63e6de-1ae7-4686-9785-82d8cb4fa327' xmlns:ns8='6e9f3656-8eeb-4f6f-b0ad-053843468f44' xmlns:ns9='051bce4c-71a7-46a7-b433-1e93f68d673c' xmlns:ns10='6f0bbb6d-8b5b-490c-9ecd-f82b9e3a7b3b' xmlns:ns11='42448f4b-8349-45d4-b26e-ba3a6c56bf28' " w:xpath="/ns0:properties[1]/documentManagement[1]/ns3:gwsscVersionTxt[1]" w:storeItemID="{BAFDAA3B-2454-4334-9C6E-381889897598}"/>
          <w:text/>
        </w:sdtPr>
        <w:sdtEndPr/>
        <w:sdtContent>
          <w:tc>
            <w:tcPr>
              <w:tcW w:w="704" w:type="dxa"/>
              <w:tcBorders>
                <w:left w:val="nil"/>
                <w:bottom w:val="nil"/>
                <w:right w:val="nil"/>
              </w:tcBorders>
              <w:vAlign w:val="center"/>
            </w:tcPr>
            <w:p w14:paraId="0E3832BE" w14:textId="0DCB6125" w:rsidR="00591BBE" w:rsidRPr="00D23B62" w:rsidRDefault="00C33D55" w:rsidP="003C6A9A">
              <w:pPr>
                <w:rPr>
                  <w:rFonts w:asciiTheme="minorHAnsi" w:hAnsiTheme="minorHAnsi"/>
                  <w:lang w:val="de-DE"/>
                </w:rPr>
              </w:pPr>
              <w:r>
                <w:rPr>
                  <w:rFonts w:cs="Arial"/>
                  <w:sz w:val="16"/>
                  <w:szCs w:val="16"/>
                  <w:lang w:val="en-US"/>
                </w:rPr>
                <w:t>3.0</w:t>
              </w:r>
            </w:p>
          </w:tc>
        </w:sdtContent>
      </w:sdt>
      <w:tc>
        <w:tcPr>
          <w:tcW w:w="1148" w:type="dxa"/>
          <w:tcBorders>
            <w:left w:val="nil"/>
            <w:bottom w:val="nil"/>
            <w:right w:val="nil"/>
          </w:tcBorders>
          <w:vAlign w:val="center"/>
        </w:tcPr>
        <w:sdt>
          <w:sdtPr>
            <w:rPr>
              <w:rFonts w:cs="Arial"/>
              <w:sz w:val="16"/>
              <w:szCs w:val="16"/>
            </w:rPr>
            <w:alias w:val="Veröffentlicht am"/>
            <w:tag w:val="gwsscApproved"/>
            <w:id w:val="-739794209"/>
            <w:lock w:val="contentLocked"/>
            <w:placeholder>
              <w:docPart w:val="D827DA1C80A9489CBD23F478E34DD55A"/>
            </w:placeholder>
            <w:dataBinding w:prefixMappings="xmlns:ns0='http://schemas.microsoft.com/office/2006/metadata/properties' xmlns:ns1='http://www.w3.org/2001/XMLSchema-instance' xmlns:ns2='http://schemas.microsoft.com/office/infopath/2007/PartnerControls' xmlns:ns3='3a192790-bdc3-4cf3-bb7e-b0d2126ed4e8' xmlns:ns4='f0cd3ec7-ba36-48c5-ad13-f0af2964da33' xmlns:ns5='0aada5f9-0189-45d7-9ae8-c63adbacc090' xmlns:ns6='883f61da-8488-4ed3-97b7-4fe646e4c38a' xmlns:ns7='0f63e6de-1ae7-4686-9785-82d8cb4fa327' xmlns:ns8='6e9f3656-8eeb-4f6f-b0ad-053843468f44' xmlns:ns9='051bce4c-71a7-46a7-b433-1e93f68d673c' xmlns:ns10='6f0bbb6d-8b5b-490c-9ecd-f82b9e3a7b3b' xmlns:ns11='42448f4b-8349-45d4-b26e-ba3a6c56bf28' " w:xpath="/ns0:properties[1]/documentManagement[1]/ns7:gwsscApproved[1]" w:storeItemID="{BAFDAA3B-2454-4334-9C6E-381889897598}"/>
            <w:date w:fullDate="2025-02-10T17:28:00Z">
              <w:dateFormat w:val="dd.MM.yyyy"/>
              <w:lid w:val="de-CH"/>
              <w:storeMappedDataAs w:val="dateTime"/>
              <w:calendar w:val="gregorian"/>
            </w:date>
          </w:sdtPr>
          <w:sdtEndPr/>
          <w:sdtContent>
            <w:p w14:paraId="1CFF4B0A" w14:textId="12EF54B3" w:rsidR="00591BBE" w:rsidRPr="00D23B62" w:rsidRDefault="00C33D55" w:rsidP="003C6A9A">
              <w:pPr>
                <w:rPr>
                  <w:rFonts w:asciiTheme="minorHAnsi" w:hAnsiTheme="minorHAnsi"/>
                  <w:lang w:val="de-DE"/>
                </w:rPr>
              </w:pPr>
              <w:r>
                <w:rPr>
                  <w:rFonts w:cs="Arial"/>
                  <w:sz w:val="16"/>
                  <w:szCs w:val="16"/>
                </w:rPr>
                <w:t>10.02.2025</w:t>
              </w:r>
            </w:p>
          </w:sdtContent>
        </w:sdt>
      </w:tc>
      <w:tc>
        <w:tcPr>
          <w:tcW w:w="825" w:type="dxa"/>
          <w:tcBorders>
            <w:left w:val="nil"/>
            <w:bottom w:val="nil"/>
            <w:right w:val="nil"/>
          </w:tcBorders>
          <w:vAlign w:val="center"/>
        </w:tcPr>
        <w:p w14:paraId="08EE71F6" w14:textId="05F63A66" w:rsidR="00591BBE" w:rsidRPr="00D23B62" w:rsidRDefault="00591BBE" w:rsidP="003C6A9A">
          <w:pPr>
            <w:rPr>
              <w:rFonts w:cs="Arial"/>
              <w:lang w:val="de-DE"/>
            </w:rPr>
          </w:pPr>
          <w:r w:rsidRPr="00D23B62">
            <w:rPr>
              <w:rFonts w:cs="Arial"/>
              <w:noProof/>
              <w:sz w:val="16"/>
              <w:szCs w:val="16"/>
            </w:rPr>
            <w:fldChar w:fldCharType="begin"/>
          </w:r>
          <w:r w:rsidRPr="00D23B62">
            <w:rPr>
              <w:rFonts w:cs="Arial"/>
              <w:noProof/>
              <w:sz w:val="16"/>
              <w:szCs w:val="16"/>
            </w:rPr>
            <w:instrText xml:space="preserve"> PAGE   \* MERGEFORMAT </w:instrText>
          </w:r>
          <w:r w:rsidRPr="00D23B62">
            <w:rPr>
              <w:rFonts w:cs="Arial"/>
              <w:noProof/>
              <w:sz w:val="16"/>
              <w:szCs w:val="16"/>
            </w:rPr>
            <w:fldChar w:fldCharType="separate"/>
          </w:r>
          <w:r w:rsidR="00C33D55">
            <w:rPr>
              <w:rFonts w:cs="Arial"/>
              <w:noProof/>
              <w:sz w:val="16"/>
              <w:szCs w:val="16"/>
            </w:rPr>
            <w:t>1</w:t>
          </w:r>
          <w:r w:rsidRPr="00D23B62">
            <w:rPr>
              <w:rFonts w:cs="Arial"/>
              <w:noProof/>
              <w:sz w:val="16"/>
              <w:szCs w:val="16"/>
            </w:rPr>
            <w:fldChar w:fldCharType="end"/>
          </w:r>
          <w:r w:rsidRPr="00D23B62">
            <w:rPr>
              <w:rFonts w:cs="Arial"/>
              <w:sz w:val="16"/>
              <w:szCs w:val="16"/>
            </w:rPr>
            <w:t xml:space="preserve"> / </w:t>
          </w:r>
          <w:r w:rsidRPr="00D23B62">
            <w:rPr>
              <w:rFonts w:cs="Arial"/>
              <w:noProof/>
              <w:sz w:val="16"/>
              <w:szCs w:val="16"/>
            </w:rPr>
            <w:fldChar w:fldCharType="begin"/>
          </w:r>
          <w:r w:rsidRPr="00D23B62">
            <w:rPr>
              <w:rFonts w:cs="Arial"/>
              <w:noProof/>
              <w:sz w:val="16"/>
              <w:szCs w:val="16"/>
            </w:rPr>
            <w:instrText xml:space="preserve"> NUMPAGES   \* MERGEFORMAT </w:instrText>
          </w:r>
          <w:r w:rsidRPr="00D23B62">
            <w:rPr>
              <w:rFonts w:cs="Arial"/>
              <w:noProof/>
              <w:sz w:val="16"/>
              <w:szCs w:val="16"/>
            </w:rPr>
            <w:fldChar w:fldCharType="separate"/>
          </w:r>
          <w:r w:rsidR="00C33D55">
            <w:rPr>
              <w:rFonts w:cs="Arial"/>
              <w:noProof/>
              <w:sz w:val="16"/>
              <w:szCs w:val="16"/>
            </w:rPr>
            <w:t>4</w:t>
          </w:r>
          <w:r w:rsidRPr="00D23B62">
            <w:rPr>
              <w:rFonts w:cs="Arial"/>
              <w:noProof/>
              <w:sz w:val="16"/>
              <w:szCs w:val="16"/>
            </w:rPr>
            <w:fldChar w:fldCharType="end"/>
          </w:r>
        </w:p>
      </w:tc>
    </w:tr>
  </w:tbl>
  <w:p w14:paraId="4FA3F39B" w14:textId="77777777" w:rsidR="00591BBE" w:rsidRPr="006B609F" w:rsidRDefault="00591BBE" w:rsidP="006B609F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6"/>
        <w:szCs w:val="16"/>
      </w:rPr>
    </w:pPr>
  </w:p>
  <w:p w14:paraId="03DBEFCB" w14:textId="77777777" w:rsidR="00FB5611" w:rsidRPr="00C32DEF" w:rsidRDefault="00FB5611" w:rsidP="0062557E">
    <w:pPr>
      <w:tabs>
        <w:tab w:val="left" w:pos="1260"/>
        <w:tab w:val="left" w:pos="3600"/>
        <w:tab w:val="left" w:pos="5580"/>
        <w:tab w:val="right" w:pos="9900"/>
      </w:tabs>
      <w:spacing w:after="0" w:line="240" w:lineRule="auto"/>
      <w:ind w:right="-85" w:firstLine="709"/>
      <w:jc w:val="right"/>
      <w:rPr>
        <w:rFonts w:ascii="Arial" w:hAnsi="Arial" w:cs="Arial"/>
        <w:sz w:val="16"/>
        <w:szCs w:val="16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3DBEFBE" w14:textId="77777777" w:rsidR="0006772D" w:rsidRDefault="0006772D" w:rsidP="005E2474">
      <w:pPr>
        <w:spacing w:after="0" w:line="240" w:lineRule="auto"/>
      </w:pPr>
      <w:r>
        <w:separator/>
      </w:r>
    </w:p>
  </w:footnote>
  <w:footnote w:type="continuationSeparator" w:id="0">
    <w:p w14:paraId="03DBEFBF" w14:textId="77777777" w:rsidR="0006772D" w:rsidRDefault="0006772D" w:rsidP="005E247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277E26E" w14:textId="77777777" w:rsidR="00591BBE" w:rsidRDefault="00591BBE">
    <w:pPr>
      <w:pStyle w:val="Kopfzeile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3DBEFC2" w14:textId="77777777" w:rsidR="00FB5611" w:rsidRPr="002F3218" w:rsidRDefault="00FB5611" w:rsidP="00E14BF3">
    <w:pPr>
      <w:pStyle w:val="Kopfzeile"/>
      <w:tabs>
        <w:tab w:val="clear" w:pos="4536"/>
        <w:tab w:val="left" w:pos="2127"/>
        <w:tab w:val="left" w:pos="4253"/>
        <w:tab w:val="left" w:pos="6804"/>
      </w:tabs>
      <w:spacing w:after="0" w:line="240" w:lineRule="auto"/>
      <w:rPr>
        <w:rFonts w:ascii="Arial" w:hAnsi="Arial" w:cs="Arial"/>
        <w:b/>
        <w:sz w:val="24"/>
        <w:szCs w:val="24"/>
        <w:lang w:val="en-US"/>
      </w:rPr>
    </w:pPr>
    <w:r>
      <w:rPr>
        <w:rFonts w:ascii="Arial" w:hAnsi="Arial" w:cs="Arial"/>
        <w:sz w:val="18"/>
        <w:szCs w:val="18"/>
        <w:lang w:val="en-US"/>
      </w:rPr>
      <w:t xml:space="preserve">Name: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NAME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>
      <w:rPr>
        <w:rFonts w:ascii="Arial" w:hAnsi="Arial" w:cs="Arial"/>
        <w:sz w:val="18"/>
        <w:szCs w:val="18"/>
        <w:lang w:val="en-US"/>
      </w:rPr>
      <w:t xml:space="preserve">     </w:t>
    </w:r>
    <w:r w:rsidRPr="002F3218">
      <w:rPr>
        <w:rFonts w:ascii="Arial" w:hAnsi="Arial" w:cs="Arial"/>
        <w:sz w:val="18"/>
        <w:szCs w:val="18"/>
        <w:lang w:val="en-US"/>
      </w:rPr>
      <w:t>Vorname:</w:t>
    </w:r>
    <w:r>
      <w:rPr>
        <w:rFonts w:ascii="Arial" w:hAnsi="Arial" w:cs="Arial"/>
        <w:sz w:val="18"/>
        <w:szCs w:val="18"/>
        <w:lang w:val="en-US"/>
      </w:rPr>
      <w:t xml:space="preserve">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Vornam  \* MERGEFORMAT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>
      <w:rPr>
        <w:rFonts w:ascii="Arial" w:hAnsi="Arial" w:cs="Arial"/>
        <w:sz w:val="18"/>
        <w:szCs w:val="18"/>
        <w:lang w:val="en-US"/>
      </w:rPr>
      <w:t xml:space="preserve">   </w:t>
    </w:r>
    <w:r w:rsidRPr="002F3218">
      <w:rPr>
        <w:rFonts w:ascii="Arial" w:hAnsi="Arial" w:cs="Arial"/>
        <w:sz w:val="18"/>
        <w:szCs w:val="18"/>
        <w:lang w:val="en-US"/>
      </w:rPr>
      <w:t>Geburtsdatum:</w:t>
    </w:r>
    <w:r>
      <w:rPr>
        <w:rFonts w:ascii="Arial" w:hAnsi="Arial" w:cs="Arial"/>
        <w:sz w:val="18"/>
        <w:szCs w:val="18"/>
        <w:lang w:val="en-US"/>
      </w:rPr>
      <w:t xml:space="preserve">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Gebdat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 w:rsidRPr="00E772C4">
      <w:rPr>
        <w:rFonts w:ascii="Arial" w:hAnsi="Arial" w:cs="Arial"/>
        <w:b/>
        <w:sz w:val="24"/>
        <w:szCs w:val="24"/>
      </w:rPr>
      <w:ptab w:relativeTo="margin" w:alignment="right" w:leader="none"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3DBEFC7" w14:textId="77777777" w:rsidR="00FB5611" w:rsidRPr="001306F5" w:rsidRDefault="00FB5611" w:rsidP="001306F5">
    <w:pPr>
      <w:spacing w:after="0" w:line="240" w:lineRule="auto"/>
      <w:rPr>
        <w:rFonts w:ascii="Times New Roman" w:hAnsi="Times New Roman"/>
        <w:sz w:val="24"/>
        <w:szCs w:val="24"/>
        <w:lang w:eastAsia="de-DE"/>
      </w:rPr>
    </w:pPr>
    <w:r>
      <w:rPr>
        <w:rFonts w:ascii="Arial" w:hAnsi="Arial" w:cs="Arial"/>
        <w:b/>
        <w:noProof/>
        <w:sz w:val="40"/>
        <w:szCs w:val="40"/>
        <w:lang w:eastAsia="de-CH"/>
      </w:rPr>
      <mc:AlternateContent>
        <mc:Choice Requires="wps">
          <w:drawing>
            <wp:anchor distT="0" distB="0" distL="114300" distR="114300" simplePos="0" relativeHeight="251658752" behindDoc="0" locked="0" layoutInCell="1" allowOverlap="1" wp14:anchorId="03DBEFCE" wp14:editId="03DBEFCF">
              <wp:simplePos x="0" y="0"/>
              <wp:positionH relativeFrom="column">
                <wp:posOffset>-123190</wp:posOffset>
              </wp:positionH>
              <wp:positionV relativeFrom="paragraph">
                <wp:posOffset>-289560</wp:posOffset>
              </wp:positionV>
              <wp:extent cx="2116455" cy="914400"/>
              <wp:effectExtent l="0" t="0" r="0" b="0"/>
              <wp:wrapNone/>
              <wp:docPr id="4" name="Text Box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2116455" cy="9144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03DBEFD4" w14:textId="77777777" w:rsidR="00FB5611" w:rsidRPr="007A1CEF" w:rsidRDefault="00FB5611">
                          <w:pPr>
                            <w:rPr>
                              <w:rFonts w:ascii="Helvetica" w:hAnsi="Helvetica"/>
                              <w:bCs/>
                              <w:sz w:val="52"/>
                              <w:szCs w:val="52"/>
                            </w:rPr>
                          </w:pPr>
                          <w:r w:rsidRPr="007A1CEF">
                            <w:rPr>
                              <w:rFonts w:ascii="Helvetica" w:hAnsi="Helvetica" w:cs="Arial"/>
                              <w:bCs/>
                              <w:sz w:val="52"/>
                              <w:szCs w:val="52"/>
                            </w:rPr>
                            <w:t>Betreuungsplan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03DBEFCE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6" type="#_x0000_t202" style="position:absolute;margin-left:-9.7pt;margin-top:-22.8pt;width:166.65pt;height:1in;z-index:251658752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" filled="f" stroked="f">
              <v:textbox>
                <w:txbxContent>
                  <w:p w14:paraId="03DBEFD4" w14:textId="77777777" w:rsidR="00FB5611" w:rsidRPr="007A1CEF" w:rsidRDefault="00FB5611">
                    <w:pPr>
                      <w:rPr>
                        <w:rFonts w:ascii="Helvetica" w:hAnsi="Helvetica"/>
                        <w:bCs/>
                        <w:sz w:val="52"/>
                        <w:szCs w:val="52"/>
                      </w:rPr>
                    </w:pPr>
                    <w:r w:rsidRPr="007A1CEF">
                      <w:rPr>
                        <w:rFonts w:ascii="Helvetica" w:hAnsi="Helvetica" w:cs="Arial"/>
                        <w:bCs/>
                        <w:sz w:val="52"/>
                        <w:szCs w:val="52"/>
                      </w:rPr>
                      <w:t>Betreuungsplan</w:t>
                    </w:r>
                  </w:p>
                </w:txbxContent>
              </v:textbox>
            </v:shape>
          </w:pict>
        </mc:Fallback>
      </mc:AlternateContent>
    </w:r>
    <w:r>
      <w:rPr>
        <w:rFonts w:ascii="Arial" w:hAnsi="Arial" w:cs="Arial"/>
        <w:b/>
        <w:noProof/>
        <w:sz w:val="40"/>
        <w:szCs w:val="40"/>
        <w:lang w:eastAsia="de-CH"/>
      </w:rPr>
      <w:drawing>
        <wp:anchor distT="0" distB="0" distL="114300" distR="114300" simplePos="0" relativeHeight="251657727" behindDoc="1" locked="1" layoutInCell="1" allowOverlap="1" wp14:anchorId="03DBEFD0" wp14:editId="03DBEFD1">
          <wp:simplePos x="0" y="0"/>
          <wp:positionH relativeFrom="page">
            <wp:posOffset>720090</wp:posOffset>
          </wp:positionH>
          <wp:positionV relativeFrom="paragraph">
            <wp:posOffset>-224155</wp:posOffset>
          </wp:positionV>
          <wp:extent cx="6193790" cy="718185"/>
          <wp:effectExtent l="0" t="0" r="3810" b="5715"/>
          <wp:wrapThrough wrapText="bothSides">
            <wp:wrapPolygon edited="0">
              <wp:start x="0" y="0"/>
              <wp:lineTo x="0" y="21390"/>
              <wp:lineTo x="21569" y="21390"/>
              <wp:lineTo x="21569" y="0"/>
              <wp:lineTo x="0" y="0"/>
            </wp:wrapPolygon>
          </wp:wrapThrough>
          <wp:docPr id="51" name="Picture 3"/>
          <wp:cNvGraphicFramePr>
            <a:graphicFrameLocks xmlns:a="http://schemas.openxmlformats.org/drawingml/2006/main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Grafik 2"/>
                  <pic:cNvPicPr>
                    <a:picLocks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193790" cy="71818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81"/>
    <w:multiLevelType w:val="singleLevel"/>
    <w:tmpl w:val="28ACD1CA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1" w15:restartNumberingAfterBreak="0">
    <w:nsid w:val="FFFFFF83"/>
    <w:multiLevelType w:val="singleLevel"/>
    <w:tmpl w:val="F014B9F6"/>
    <w:lvl w:ilvl="0">
      <w:start w:val="1"/>
      <w:numFmt w:val="bullet"/>
      <w:pStyle w:val="Aufzhlungszeichen2"/>
      <w:lvlText w:val="–"/>
      <w:lvlJc w:val="left"/>
      <w:pPr>
        <w:tabs>
          <w:tab w:val="num" w:pos="568"/>
        </w:tabs>
        <w:ind w:left="568" w:hanging="284"/>
      </w:pPr>
      <w:rPr>
        <w:rFonts w:ascii="Arial" w:hAnsi="Arial" w:hint="default"/>
        <w:color w:val="auto"/>
      </w:rPr>
    </w:lvl>
  </w:abstractNum>
  <w:abstractNum w:abstractNumId="2" w15:restartNumberingAfterBreak="0">
    <w:nsid w:val="04BF328C"/>
    <w:multiLevelType w:val="hybridMultilevel"/>
    <w:tmpl w:val="B6848FEA"/>
    <w:lvl w:ilvl="0" w:tplc="0807001B">
      <w:start w:val="1"/>
      <w:numFmt w:val="low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FA86DB8"/>
    <w:multiLevelType w:val="hybridMultilevel"/>
    <w:tmpl w:val="CBEA5BFA"/>
    <w:lvl w:ilvl="0" w:tplc="08070013">
      <w:start w:val="1"/>
      <w:numFmt w:val="upp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450C2011"/>
    <w:multiLevelType w:val="hybridMultilevel"/>
    <w:tmpl w:val="C504A04C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453B37F9"/>
    <w:multiLevelType w:val="hybridMultilevel"/>
    <w:tmpl w:val="3DFEB25A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57146AC0"/>
    <w:multiLevelType w:val="hybridMultilevel"/>
    <w:tmpl w:val="200AA750"/>
    <w:lvl w:ilvl="0" w:tplc="0807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70D97362"/>
    <w:multiLevelType w:val="hybridMultilevel"/>
    <w:tmpl w:val="CBEA5BFA"/>
    <w:lvl w:ilvl="0" w:tplc="08070013">
      <w:start w:val="1"/>
      <w:numFmt w:val="upp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786A5C39"/>
    <w:multiLevelType w:val="hybridMultilevel"/>
    <w:tmpl w:val="CD20F226"/>
    <w:lvl w:ilvl="0" w:tplc="CE0893E2"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Arial" w:eastAsia="Times New Roman" w:hAnsi="Arial" w:hint="default"/>
      </w:rPr>
    </w:lvl>
    <w:lvl w:ilvl="1" w:tplc="08070003" w:tentative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</w:rPr>
    </w:lvl>
    <w:lvl w:ilvl="2" w:tplc="0807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807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807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7"/>
  </w:num>
  <w:num w:numId="3">
    <w:abstractNumId w:val="2"/>
  </w:num>
  <w:num w:numId="4">
    <w:abstractNumId w:val="3"/>
  </w:num>
  <w:num w:numId="5">
    <w:abstractNumId w:val="1"/>
  </w:num>
  <w:num w:numId="6">
    <w:abstractNumId w:val="4"/>
  </w:num>
  <w:num w:numId="7">
    <w:abstractNumId w:val="5"/>
  </w:num>
  <w:num w:numId="8">
    <w:abstractNumId w:val="0"/>
  </w:num>
  <w:num w:numId="9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ocumentProtection w:edit="forms" w:enforcement="0"/>
  <w:defaultTabStop w:val="708"/>
  <w:hyphenationZone w:val="425"/>
  <w:characterSpacingControl w:val="doNotCompress"/>
  <w:hdrShapeDefaults>
    <o:shapedefaults v:ext="edit" spidmax="1638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A6E69"/>
    <w:rsid w:val="00001A9E"/>
    <w:rsid w:val="00002EA6"/>
    <w:rsid w:val="00002F03"/>
    <w:rsid w:val="00003050"/>
    <w:rsid w:val="00011C9C"/>
    <w:rsid w:val="00015BA5"/>
    <w:rsid w:val="00021A14"/>
    <w:rsid w:val="00022CD7"/>
    <w:rsid w:val="000238C1"/>
    <w:rsid w:val="00027DB2"/>
    <w:rsid w:val="000370B9"/>
    <w:rsid w:val="000372CA"/>
    <w:rsid w:val="000527D3"/>
    <w:rsid w:val="00053977"/>
    <w:rsid w:val="00056D52"/>
    <w:rsid w:val="0006360E"/>
    <w:rsid w:val="000640E1"/>
    <w:rsid w:val="00064ACB"/>
    <w:rsid w:val="00064DA6"/>
    <w:rsid w:val="0006706D"/>
    <w:rsid w:val="0006772D"/>
    <w:rsid w:val="000705C7"/>
    <w:rsid w:val="00075AD9"/>
    <w:rsid w:val="00077AEF"/>
    <w:rsid w:val="00080632"/>
    <w:rsid w:val="00092035"/>
    <w:rsid w:val="00093BF9"/>
    <w:rsid w:val="000940E2"/>
    <w:rsid w:val="00096A83"/>
    <w:rsid w:val="000A1772"/>
    <w:rsid w:val="000A274D"/>
    <w:rsid w:val="000A278B"/>
    <w:rsid w:val="000A645C"/>
    <w:rsid w:val="000A77F1"/>
    <w:rsid w:val="000B3527"/>
    <w:rsid w:val="000B76FC"/>
    <w:rsid w:val="000B77AC"/>
    <w:rsid w:val="000C3197"/>
    <w:rsid w:val="000C5FD9"/>
    <w:rsid w:val="000E37AC"/>
    <w:rsid w:val="000E586A"/>
    <w:rsid w:val="000F595B"/>
    <w:rsid w:val="00110616"/>
    <w:rsid w:val="0011081F"/>
    <w:rsid w:val="0011113E"/>
    <w:rsid w:val="0011486F"/>
    <w:rsid w:val="0012444F"/>
    <w:rsid w:val="00124FEB"/>
    <w:rsid w:val="001306F5"/>
    <w:rsid w:val="001322F9"/>
    <w:rsid w:val="00133424"/>
    <w:rsid w:val="00144083"/>
    <w:rsid w:val="00150185"/>
    <w:rsid w:val="001529C3"/>
    <w:rsid w:val="0016007A"/>
    <w:rsid w:val="001628C6"/>
    <w:rsid w:val="00166CEA"/>
    <w:rsid w:val="00172AA8"/>
    <w:rsid w:val="0017436B"/>
    <w:rsid w:val="00175F68"/>
    <w:rsid w:val="00176793"/>
    <w:rsid w:val="00176D91"/>
    <w:rsid w:val="00180422"/>
    <w:rsid w:val="00183AEE"/>
    <w:rsid w:val="00183D8C"/>
    <w:rsid w:val="00183F8D"/>
    <w:rsid w:val="001865FA"/>
    <w:rsid w:val="00192300"/>
    <w:rsid w:val="001A15EE"/>
    <w:rsid w:val="001A3EE8"/>
    <w:rsid w:val="001A46FD"/>
    <w:rsid w:val="001B3587"/>
    <w:rsid w:val="001B61BC"/>
    <w:rsid w:val="001C0514"/>
    <w:rsid w:val="001C06FD"/>
    <w:rsid w:val="001C2B11"/>
    <w:rsid w:val="001C5F50"/>
    <w:rsid w:val="001D0BFC"/>
    <w:rsid w:val="001D4186"/>
    <w:rsid w:val="001E0160"/>
    <w:rsid w:val="001E4372"/>
    <w:rsid w:val="001E4AB9"/>
    <w:rsid w:val="001E798B"/>
    <w:rsid w:val="001E7AB1"/>
    <w:rsid w:val="001F0D26"/>
    <w:rsid w:val="001F4F0A"/>
    <w:rsid w:val="001F4F81"/>
    <w:rsid w:val="001F78E9"/>
    <w:rsid w:val="00206531"/>
    <w:rsid w:val="002151CF"/>
    <w:rsid w:val="00215506"/>
    <w:rsid w:val="002160EF"/>
    <w:rsid w:val="0022337A"/>
    <w:rsid w:val="002249F1"/>
    <w:rsid w:val="002250F5"/>
    <w:rsid w:val="00230983"/>
    <w:rsid w:val="00234C74"/>
    <w:rsid w:val="0023789F"/>
    <w:rsid w:val="0023798A"/>
    <w:rsid w:val="00237AD3"/>
    <w:rsid w:val="0024126E"/>
    <w:rsid w:val="00241719"/>
    <w:rsid w:val="00241B5A"/>
    <w:rsid w:val="00245772"/>
    <w:rsid w:val="00245FCA"/>
    <w:rsid w:val="002502A8"/>
    <w:rsid w:val="002505A7"/>
    <w:rsid w:val="00250E3A"/>
    <w:rsid w:val="0025240E"/>
    <w:rsid w:val="00255F97"/>
    <w:rsid w:val="002605B5"/>
    <w:rsid w:val="002610CB"/>
    <w:rsid w:val="00261681"/>
    <w:rsid w:val="0026246F"/>
    <w:rsid w:val="00264CC5"/>
    <w:rsid w:val="00266B0F"/>
    <w:rsid w:val="00271269"/>
    <w:rsid w:val="00272ADF"/>
    <w:rsid w:val="00273E44"/>
    <w:rsid w:val="00274C13"/>
    <w:rsid w:val="00274CAA"/>
    <w:rsid w:val="00287932"/>
    <w:rsid w:val="00290CE5"/>
    <w:rsid w:val="0029314B"/>
    <w:rsid w:val="002B0CCB"/>
    <w:rsid w:val="002C3002"/>
    <w:rsid w:val="002C3646"/>
    <w:rsid w:val="002D3E22"/>
    <w:rsid w:val="002D4599"/>
    <w:rsid w:val="002D6C70"/>
    <w:rsid w:val="002D7776"/>
    <w:rsid w:val="002E162A"/>
    <w:rsid w:val="002E173E"/>
    <w:rsid w:val="002E1AAC"/>
    <w:rsid w:val="002E558E"/>
    <w:rsid w:val="002E67FF"/>
    <w:rsid w:val="002F3218"/>
    <w:rsid w:val="0030164F"/>
    <w:rsid w:val="0030251F"/>
    <w:rsid w:val="00302D03"/>
    <w:rsid w:val="003030C8"/>
    <w:rsid w:val="00305593"/>
    <w:rsid w:val="00310149"/>
    <w:rsid w:val="00310D4B"/>
    <w:rsid w:val="003129CD"/>
    <w:rsid w:val="003170FE"/>
    <w:rsid w:val="00317391"/>
    <w:rsid w:val="003177DF"/>
    <w:rsid w:val="00324DBD"/>
    <w:rsid w:val="00325308"/>
    <w:rsid w:val="00326690"/>
    <w:rsid w:val="00335301"/>
    <w:rsid w:val="00337857"/>
    <w:rsid w:val="00340787"/>
    <w:rsid w:val="00343B63"/>
    <w:rsid w:val="003457BD"/>
    <w:rsid w:val="00346FFD"/>
    <w:rsid w:val="0034753C"/>
    <w:rsid w:val="00350D23"/>
    <w:rsid w:val="00351ACD"/>
    <w:rsid w:val="003547CD"/>
    <w:rsid w:val="00355020"/>
    <w:rsid w:val="00363380"/>
    <w:rsid w:val="00365FD7"/>
    <w:rsid w:val="00386154"/>
    <w:rsid w:val="00386452"/>
    <w:rsid w:val="00386F62"/>
    <w:rsid w:val="003A67FB"/>
    <w:rsid w:val="003B41D1"/>
    <w:rsid w:val="003B62E2"/>
    <w:rsid w:val="003C00EE"/>
    <w:rsid w:val="003C20E0"/>
    <w:rsid w:val="003C6084"/>
    <w:rsid w:val="003C68C6"/>
    <w:rsid w:val="003D7380"/>
    <w:rsid w:val="003D7AF2"/>
    <w:rsid w:val="003E3821"/>
    <w:rsid w:val="003E3B6A"/>
    <w:rsid w:val="003E587A"/>
    <w:rsid w:val="003E5E28"/>
    <w:rsid w:val="003F0C71"/>
    <w:rsid w:val="003F3B5B"/>
    <w:rsid w:val="003F4713"/>
    <w:rsid w:val="003F4C26"/>
    <w:rsid w:val="004004C8"/>
    <w:rsid w:val="0040431F"/>
    <w:rsid w:val="00405FBE"/>
    <w:rsid w:val="00410158"/>
    <w:rsid w:val="004118C5"/>
    <w:rsid w:val="00414EB9"/>
    <w:rsid w:val="00421399"/>
    <w:rsid w:val="00426707"/>
    <w:rsid w:val="00437BD4"/>
    <w:rsid w:val="00442A1D"/>
    <w:rsid w:val="00445D35"/>
    <w:rsid w:val="00446B0C"/>
    <w:rsid w:val="00452F5B"/>
    <w:rsid w:val="00453D50"/>
    <w:rsid w:val="00454CA4"/>
    <w:rsid w:val="004554C5"/>
    <w:rsid w:val="00470714"/>
    <w:rsid w:val="00481934"/>
    <w:rsid w:val="00485671"/>
    <w:rsid w:val="00487E6C"/>
    <w:rsid w:val="004912B1"/>
    <w:rsid w:val="004920B0"/>
    <w:rsid w:val="00495A85"/>
    <w:rsid w:val="00496480"/>
    <w:rsid w:val="004A129F"/>
    <w:rsid w:val="004A5DE9"/>
    <w:rsid w:val="004A624F"/>
    <w:rsid w:val="004A6812"/>
    <w:rsid w:val="004B3878"/>
    <w:rsid w:val="004B4663"/>
    <w:rsid w:val="004B5C74"/>
    <w:rsid w:val="004C2C59"/>
    <w:rsid w:val="004C3D5C"/>
    <w:rsid w:val="004C3D65"/>
    <w:rsid w:val="004C78FF"/>
    <w:rsid w:val="004D162A"/>
    <w:rsid w:val="004D3DAD"/>
    <w:rsid w:val="004D6170"/>
    <w:rsid w:val="004D794F"/>
    <w:rsid w:val="004E056D"/>
    <w:rsid w:val="004E3978"/>
    <w:rsid w:val="004F3116"/>
    <w:rsid w:val="004F3431"/>
    <w:rsid w:val="004F454C"/>
    <w:rsid w:val="00502170"/>
    <w:rsid w:val="00502BB0"/>
    <w:rsid w:val="00503643"/>
    <w:rsid w:val="005042A5"/>
    <w:rsid w:val="005125C1"/>
    <w:rsid w:val="005127F4"/>
    <w:rsid w:val="00513AAD"/>
    <w:rsid w:val="00515299"/>
    <w:rsid w:val="00522463"/>
    <w:rsid w:val="0052572C"/>
    <w:rsid w:val="005306A2"/>
    <w:rsid w:val="00536200"/>
    <w:rsid w:val="0054062F"/>
    <w:rsid w:val="00542C08"/>
    <w:rsid w:val="00544D65"/>
    <w:rsid w:val="00546030"/>
    <w:rsid w:val="00551A15"/>
    <w:rsid w:val="0055242C"/>
    <w:rsid w:val="005569EB"/>
    <w:rsid w:val="00557692"/>
    <w:rsid w:val="00564E49"/>
    <w:rsid w:val="00575501"/>
    <w:rsid w:val="0058011F"/>
    <w:rsid w:val="00582ADD"/>
    <w:rsid w:val="005843E9"/>
    <w:rsid w:val="005868F2"/>
    <w:rsid w:val="00586B42"/>
    <w:rsid w:val="00591BBE"/>
    <w:rsid w:val="00594AA9"/>
    <w:rsid w:val="005A1046"/>
    <w:rsid w:val="005A4799"/>
    <w:rsid w:val="005A61C4"/>
    <w:rsid w:val="005B09E5"/>
    <w:rsid w:val="005C238D"/>
    <w:rsid w:val="005C3347"/>
    <w:rsid w:val="005C6FB5"/>
    <w:rsid w:val="005D0085"/>
    <w:rsid w:val="005D30E8"/>
    <w:rsid w:val="005D4CD8"/>
    <w:rsid w:val="005D56A4"/>
    <w:rsid w:val="005D58B8"/>
    <w:rsid w:val="005D73CE"/>
    <w:rsid w:val="005E0A78"/>
    <w:rsid w:val="005E206E"/>
    <w:rsid w:val="005E21CA"/>
    <w:rsid w:val="005E2474"/>
    <w:rsid w:val="005E2F99"/>
    <w:rsid w:val="005E313A"/>
    <w:rsid w:val="005E337D"/>
    <w:rsid w:val="005E4595"/>
    <w:rsid w:val="005F2179"/>
    <w:rsid w:val="005F4FFC"/>
    <w:rsid w:val="005F5650"/>
    <w:rsid w:val="00601AAE"/>
    <w:rsid w:val="006035AE"/>
    <w:rsid w:val="00603A3F"/>
    <w:rsid w:val="00604405"/>
    <w:rsid w:val="00604EBB"/>
    <w:rsid w:val="006111BF"/>
    <w:rsid w:val="00612E77"/>
    <w:rsid w:val="0061364E"/>
    <w:rsid w:val="006157A4"/>
    <w:rsid w:val="00620455"/>
    <w:rsid w:val="0062216D"/>
    <w:rsid w:val="006249F1"/>
    <w:rsid w:val="0062557E"/>
    <w:rsid w:val="00635975"/>
    <w:rsid w:val="00636269"/>
    <w:rsid w:val="00636A6E"/>
    <w:rsid w:val="00640423"/>
    <w:rsid w:val="006432A6"/>
    <w:rsid w:val="00644861"/>
    <w:rsid w:val="00647E10"/>
    <w:rsid w:val="006503D3"/>
    <w:rsid w:val="006517A0"/>
    <w:rsid w:val="006521BF"/>
    <w:rsid w:val="0065713D"/>
    <w:rsid w:val="00657C86"/>
    <w:rsid w:val="00665288"/>
    <w:rsid w:val="006655CB"/>
    <w:rsid w:val="006665BE"/>
    <w:rsid w:val="0067099F"/>
    <w:rsid w:val="00672111"/>
    <w:rsid w:val="00674F2E"/>
    <w:rsid w:val="0067525D"/>
    <w:rsid w:val="00676927"/>
    <w:rsid w:val="00677A6B"/>
    <w:rsid w:val="0068197A"/>
    <w:rsid w:val="0068778E"/>
    <w:rsid w:val="006968B2"/>
    <w:rsid w:val="006A3E15"/>
    <w:rsid w:val="006A45D0"/>
    <w:rsid w:val="006A58BD"/>
    <w:rsid w:val="006A655D"/>
    <w:rsid w:val="006A6E69"/>
    <w:rsid w:val="006B609F"/>
    <w:rsid w:val="006B6CD0"/>
    <w:rsid w:val="006C31E9"/>
    <w:rsid w:val="006C5439"/>
    <w:rsid w:val="006E0EBB"/>
    <w:rsid w:val="006E14B4"/>
    <w:rsid w:val="006E3687"/>
    <w:rsid w:val="006F21A7"/>
    <w:rsid w:val="006F43A8"/>
    <w:rsid w:val="006F59E8"/>
    <w:rsid w:val="0070071A"/>
    <w:rsid w:val="00700B87"/>
    <w:rsid w:val="00704290"/>
    <w:rsid w:val="00710F68"/>
    <w:rsid w:val="0071182F"/>
    <w:rsid w:val="007146CD"/>
    <w:rsid w:val="00730813"/>
    <w:rsid w:val="00731920"/>
    <w:rsid w:val="007370F9"/>
    <w:rsid w:val="00737217"/>
    <w:rsid w:val="0074302F"/>
    <w:rsid w:val="00746A06"/>
    <w:rsid w:val="0075126C"/>
    <w:rsid w:val="0075471A"/>
    <w:rsid w:val="00756E8A"/>
    <w:rsid w:val="00757C42"/>
    <w:rsid w:val="00760B26"/>
    <w:rsid w:val="00764357"/>
    <w:rsid w:val="007666A3"/>
    <w:rsid w:val="00770048"/>
    <w:rsid w:val="00773B32"/>
    <w:rsid w:val="007766B0"/>
    <w:rsid w:val="00776E0E"/>
    <w:rsid w:val="0078158C"/>
    <w:rsid w:val="00783BDF"/>
    <w:rsid w:val="00787109"/>
    <w:rsid w:val="00792673"/>
    <w:rsid w:val="00794F1C"/>
    <w:rsid w:val="007A1CEF"/>
    <w:rsid w:val="007A3292"/>
    <w:rsid w:val="007A69E6"/>
    <w:rsid w:val="007C0AF6"/>
    <w:rsid w:val="007C15DB"/>
    <w:rsid w:val="007C1AF9"/>
    <w:rsid w:val="007C23C8"/>
    <w:rsid w:val="007C27CB"/>
    <w:rsid w:val="007D04F8"/>
    <w:rsid w:val="007D0F9D"/>
    <w:rsid w:val="007D3698"/>
    <w:rsid w:val="007D70C1"/>
    <w:rsid w:val="007E2005"/>
    <w:rsid w:val="007E4C34"/>
    <w:rsid w:val="007E5999"/>
    <w:rsid w:val="007F25F9"/>
    <w:rsid w:val="007F79DE"/>
    <w:rsid w:val="00801E07"/>
    <w:rsid w:val="00802A53"/>
    <w:rsid w:val="0080390A"/>
    <w:rsid w:val="008071F8"/>
    <w:rsid w:val="008204D9"/>
    <w:rsid w:val="00823582"/>
    <w:rsid w:val="00823AFD"/>
    <w:rsid w:val="0082771F"/>
    <w:rsid w:val="00833824"/>
    <w:rsid w:val="00833E6D"/>
    <w:rsid w:val="00834351"/>
    <w:rsid w:val="008345A3"/>
    <w:rsid w:val="008369F8"/>
    <w:rsid w:val="00836A19"/>
    <w:rsid w:val="0084020E"/>
    <w:rsid w:val="00840AFE"/>
    <w:rsid w:val="00841471"/>
    <w:rsid w:val="00847F53"/>
    <w:rsid w:val="00851E17"/>
    <w:rsid w:val="00853857"/>
    <w:rsid w:val="00855B17"/>
    <w:rsid w:val="00861579"/>
    <w:rsid w:val="008644BD"/>
    <w:rsid w:val="0086616F"/>
    <w:rsid w:val="00866DD5"/>
    <w:rsid w:val="0087181C"/>
    <w:rsid w:val="00872AF8"/>
    <w:rsid w:val="00875728"/>
    <w:rsid w:val="00877E4F"/>
    <w:rsid w:val="0089228F"/>
    <w:rsid w:val="008964D6"/>
    <w:rsid w:val="008A4F3A"/>
    <w:rsid w:val="008A5604"/>
    <w:rsid w:val="008B4050"/>
    <w:rsid w:val="008B41A9"/>
    <w:rsid w:val="008C1F27"/>
    <w:rsid w:val="008C2CB5"/>
    <w:rsid w:val="008C3BE6"/>
    <w:rsid w:val="008C408A"/>
    <w:rsid w:val="008C794A"/>
    <w:rsid w:val="008D0728"/>
    <w:rsid w:val="008D4F6C"/>
    <w:rsid w:val="008D6188"/>
    <w:rsid w:val="008F7357"/>
    <w:rsid w:val="009013D2"/>
    <w:rsid w:val="0090673F"/>
    <w:rsid w:val="009076DB"/>
    <w:rsid w:val="009140BD"/>
    <w:rsid w:val="00914EB0"/>
    <w:rsid w:val="009158DA"/>
    <w:rsid w:val="00915B8A"/>
    <w:rsid w:val="0092271B"/>
    <w:rsid w:val="009247FE"/>
    <w:rsid w:val="009251E5"/>
    <w:rsid w:val="00925E1C"/>
    <w:rsid w:val="0092600F"/>
    <w:rsid w:val="00930F94"/>
    <w:rsid w:val="00934957"/>
    <w:rsid w:val="00937077"/>
    <w:rsid w:val="00937533"/>
    <w:rsid w:val="00947962"/>
    <w:rsid w:val="00953FD5"/>
    <w:rsid w:val="00961250"/>
    <w:rsid w:val="0096225C"/>
    <w:rsid w:val="00962E7C"/>
    <w:rsid w:val="00967EBE"/>
    <w:rsid w:val="00971945"/>
    <w:rsid w:val="0097520F"/>
    <w:rsid w:val="00977706"/>
    <w:rsid w:val="00977F93"/>
    <w:rsid w:val="0098158B"/>
    <w:rsid w:val="009815AE"/>
    <w:rsid w:val="0098552F"/>
    <w:rsid w:val="009860E8"/>
    <w:rsid w:val="009866B2"/>
    <w:rsid w:val="009A1259"/>
    <w:rsid w:val="009A254C"/>
    <w:rsid w:val="009A2CFE"/>
    <w:rsid w:val="009A6865"/>
    <w:rsid w:val="009B1D7A"/>
    <w:rsid w:val="009C05DA"/>
    <w:rsid w:val="009C18A7"/>
    <w:rsid w:val="009C2A9F"/>
    <w:rsid w:val="009C3712"/>
    <w:rsid w:val="009C5F49"/>
    <w:rsid w:val="009D3A3B"/>
    <w:rsid w:val="009D4A35"/>
    <w:rsid w:val="009D715F"/>
    <w:rsid w:val="009D781B"/>
    <w:rsid w:val="009E2FAA"/>
    <w:rsid w:val="009F5054"/>
    <w:rsid w:val="009F5220"/>
    <w:rsid w:val="009F5ADC"/>
    <w:rsid w:val="00A015CC"/>
    <w:rsid w:val="00A0183E"/>
    <w:rsid w:val="00A047E3"/>
    <w:rsid w:val="00A05A3B"/>
    <w:rsid w:val="00A05AFF"/>
    <w:rsid w:val="00A156FF"/>
    <w:rsid w:val="00A165A0"/>
    <w:rsid w:val="00A16A79"/>
    <w:rsid w:val="00A20A58"/>
    <w:rsid w:val="00A22A8E"/>
    <w:rsid w:val="00A25982"/>
    <w:rsid w:val="00A2793B"/>
    <w:rsid w:val="00A3554A"/>
    <w:rsid w:val="00A37613"/>
    <w:rsid w:val="00A400E8"/>
    <w:rsid w:val="00A40CFF"/>
    <w:rsid w:val="00A41BA6"/>
    <w:rsid w:val="00A50D4C"/>
    <w:rsid w:val="00A51A31"/>
    <w:rsid w:val="00A54D8C"/>
    <w:rsid w:val="00A55917"/>
    <w:rsid w:val="00A62611"/>
    <w:rsid w:val="00A63C03"/>
    <w:rsid w:val="00A70D1B"/>
    <w:rsid w:val="00A81EE3"/>
    <w:rsid w:val="00A8225C"/>
    <w:rsid w:val="00A83C93"/>
    <w:rsid w:val="00A8618B"/>
    <w:rsid w:val="00A8623E"/>
    <w:rsid w:val="00A8690B"/>
    <w:rsid w:val="00A86A8F"/>
    <w:rsid w:val="00A93358"/>
    <w:rsid w:val="00A94163"/>
    <w:rsid w:val="00AA177C"/>
    <w:rsid w:val="00AA703F"/>
    <w:rsid w:val="00AB390C"/>
    <w:rsid w:val="00AC35CD"/>
    <w:rsid w:val="00AC59ED"/>
    <w:rsid w:val="00AC60ED"/>
    <w:rsid w:val="00AC7613"/>
    <w:rsid w:val="00AD052F"/>
    <w:rsid w:val="00AD24B4"/>
    <w:rsid w:val="00AD4FB1"/>
    <w:rsid w:val="00AD57CE"/>
    <w:rsid w:val="00AD6E60"/>
    <w:rsid w:val="00AE007E"/>
    <w:rsid w:val="00AE18E3"/>
    <w:rsid w:val="00AE19D1"/>
    <w:rsid w:val="00AE28DF"/>
    <w:rsid w:val="00AE292D"/>
    <w:rsid w:val="00AE3CDD"/>
    <w:rsid w:val="00AE4C44"/>
    <w:rsid w:val="00AE598A"/>
    <w:rsid w:val="00AE70F3"/>
    <w:rsid w:val="00AE714F"/>
    <w:rsid w:val="00AE799D"/>
    <w:rsid w:val="00AF00B1"/>
    <w:rsid w:val="00B03BBC"/>
    <w:rsid w:val="00B03FD3"/>
    <w:rsid w:val="00B0734C"/>
    <w:rsid w:val="00B07864"/>
    <w:rsid w:val="00B07B1B"/>
    <w:rsid w:val="00B07C94"/>
    <w:rsid w:val="00B11864"/>
    <w:rsid w:val="00B12BCF"/>
    <w:rsid w:val="00B13E89"/>
    <w:rsid w:val="00B15BD9"/>
    <w:rsid w:val="00B17F28"/>
    <w:rsid w:val="00B20B5B"/>
    <w:rsid w:val="00B20E43"/>
    <w:rsid w:val="00B21375"/>
    <w:rsid w:val="00B252DE"/>
    <w:rsid w:val="00B409B1"/>
    <w:rsid w:val="00B41778"/>
    <w:rsid w:val="00B42F62"/>
    <w:rsid w:val="00B44B52"/>
    <w:rsid w:val="00B54928"/>
    <w:rsid w:val="00B72BB6"/>
    <w:rsid w:val="00B76266"/>
    <w:rsid w:val="00B772DE"/>
    <w:rsid w:val="00B77524"/>
    <w:rsid w:val="00B837C4"/>
    <w:rsid w:val="00B842E6"/>
    <w:rsid w:val="00B869F9"/>
    <w:rsid w:val="00B91311"/>
    <w:rsid w:val="00B9346E"/>
    <w:rsid w:val="00B93489"/>
    <w:rsid w:val="00B949BA"/>
    <w:rsid w:val="00B97FD1"/>
    <w:rsid w:val="00BB3C0B"/>
    <w:rsid w:val="00BB541C"/>
    <w:rsid w:val="00BB5F4B"/>
    <w:rsid w:val="00BC11C4"/>
    <w:rsid w:val="00BC20EE"/>
    <w:rsid w:val="00BC3A85"/>
    <w:rsid w:val="00BC4DAE"/>
    <w:rsid w:val="00BC642B"/>
    <w:rsid w:val="00BC7604"/>
    <w:rsid w:val="00BD2A30"/>
    <w:rsid w:val="00BD5D5A"/>
    <w:rsid w:val="00BF0FCD"/>
    <w:rsid w:val="00BF13BA"/>
    <w:rsid w:val="00BF162A"/>
    <w:rsid w:val="00BF2366"/>
    <w:rsid w:val="00C02D25"/>
    <w:rsid w:val="00C03F9C"/>
    <w:rsid w:val="00C057E7"/>
    <w:rsid w:val="00C118D7"/>
    <w:rsid w:val="00C14FEC"/>
    <w:rsid w:val="00C200DC"/>
    <w:rsid w:val="00C25BA7"/>
    <w:rsid w:val="00C25C25"/>
    <w:rsid w:val="00C301C3"/>
    <w:rsid w:val="00C3105D"/>
    <w:rsid w:val="00C311BD"/>
    <w:rsid w:val="00C32DEF"/>
    <w:rsid w:val="00C3309C"/>
    <w:rsid w:val="00C339A8"/>
    <w:rsid w:val="00C33D55"/>
    <w:rsid w:val="00C36472"/>
    <w:rsid w:val="00C55297"/>
    <w:rsid w:val="00C608BB"/>
    <w:rsid w:val="00C6245C"/>
    <w:rsid w:val="00C62ADE"/>
    <w:rsid w:val="00C64A1B"/>
    <w:rsid w:val="00C77B59"/>
    <w:rsid w:val="00C93E03"/>
    <w:rsid w:val="00C94A89"/>
    <w:rsid w:val="00CA1BD2"/>
    <w:rsid w:val="00CA7D14"/>
    <w:rsid w:val="00CB1895"/>
    <w:rsid w:val="00CB42B6"/>
    <w:rsid w:val="00CB4E57"/>
    <w:rsid w:val="00CB5713"/>
    <w:rsid w:val="00CD3148"/>
    <w:rsid w:val="00CD394E"/>
    <w:rsid w:val="00CD425D"/>
    <w:rsid w:val="00CD43E8"/>
    <w:rsid w:val="00CD7B4C"/>
    <w:rsid w:val="00CE0BA4"/>
    <w:rsid w:val="00CE0D2F"/>
    <w:rsid w:val="00CE38B9"/>
    <w:rsid w:val="00CE43E3"/>
    <w:rsid w:val="00CE5CD7"/>
    <w:rsid w:val="00CE5F61"/>
    <w:rsid w:val="00CF4FFF"/>
    <w:rsid w:val="00CF5E2A"/>
    <w:rsid w:val="00CF6B80"/>
    <w:rsid w:val="00D065F2"/>
    <w:rsid w:val="00D077DD"/>
    <w:rsid w:val="00D1322C"/>
    <w:rsid w:val="00D2076F"/>
    <w:rsid w:val="00D2735A"/>
    <w:rsid w:val="00D31385"/>
    <w:rsid w:val="00D328D4"/>
    <w:rsid w:val="00D3352C"/>
    <w:rsid w:val="00D3395B"/>
    <w:rsid w:val="00D37740"/>
    <w:rsid w:val="00D41C61"/>
    <w:rsid w:val="00D42F5C"/>
    <w:rsid w:val="00D43DBC"/>
    <w:rsid w:val="00D43F92"/>
    <w:rsid w:val="00D461C2"/>
    <w:rsid w:val="00D536CB"/>
    <w:rsid w:val="00D557DF"/>
    <w:rsid w:val="00D5730F"/>
    <w:rsid w:val="00D62995"/>
    <w:rsid w:val="00D63053"/>
    <w:rsid w:val="00D67C94"/>
    <w:rsid w:val="00D713D9"/>
    <w:rsid w:val="00D7692D"/>
    <w:rsid w:val="00D76979"/>
    <w:rsid w:val="00D76F5C"/>
    <w:rsid w:val="00D77128"/>
    <w:rsid w:val="00D77214"/>
    <w:rsid w:val="00D81474"/>
    <w:rsid w:val="00D85AC2"/>
    <w:rsid w:val="00D916A1"/>
    <w:rsid w:val="00D9754D"/>
    <w:rsid w:val="00DA0828"/>
    <w:rsid w:val="00DA4ECF"/>
    <w:rsid w:val="00DA61C2"/>
    <w:rsid w:val="00DB0820"/>
    <w:rsid w:val="00DB3654"/>
    <w:rsid w:val="00DB3F45"/>
    <w:rsid w:val="00DB6101"/>
    <w:rsid w:val="00DB7743"/>
    <w:rsid w:val="00DC0FCA"/>
    <w:rsid w:val="00DC5485"/>
    <w:rsid w:val="00DD19F9"/>
    <w:rsid w:val="00DD5CC6"/>
    <w:rsid w:val="00DE05DF"/>
    <w:rsid w:val="00DE249E"/>
    <w:rsid w:val="00DE2D42"/>
    <w:rsid w:val="00DE6FF4"/>
    <w:rsid w:val="00DF1E7D"/>
    <w:rsid w:val="00DF4ED5"/>
    <w:rsid w:val="00DF7E38"/>
    <w:rsid w:val="00E065CA"/>
    <w:rsid w:val="00E12AD0"/>
    <w:rsid w:val="00E13441"/>
    <w:rsid w:val="00E14BF3"/>
    <w:rsid w:val="00E227A7"/>
    <w:rsid w:val="00E23AE0"/>
    <w:rsid w:val="00E24145"/>
    <w:rsid w:val="00E25D3C"/>
    <w:rsid w:val="00E2791F"/>
    <w:rsid w:val="00E41623"/>
    <w:rsid w:val="00E4353B"/>
    <w:rsid w:val="00E55A07"/>
    <w:rsid w:val="00E5601C"/>
    <w:rsid w:val="00E63C69"/>
    <w:rsid w:val="00E646D1"/>
    <w:rsid w:val="00E64E84"/>
    <w:rsid w:val="00E67BCB"/>
    <w:rsid w:val="00E72680"/>
    <w:rsid w:val="00E75F18"/>
    <w:rsid w:val="00E772C4"/>
    <w:rsid w:val="00E77D4C"/>
    <w:rsid w:val="00E845F7"/>
    <w:rsid w:val="00E927C1"/>
    <w:rsid w:val="00E97C4C"/>
    <w:rsid w:val="00EA146B"/>
    <w:rsid w:val="00EA32F4"/>
    <w:rsid w:val="00EA6169"/>
    <w:rsid w:val="00EB0C30"/>
    <w:rsid w:val="00EB13AB"/>
    <w:rsid w:val="00EB7FF3"/>
    <w:rsid w:val="00EC7377"/>
    <w:rsid w:val="00EC74C2"/>
    <w:rsid w:val="00EC7E48"/>
    <w:rsid w:val="00ED39DA"/>
    <w:rsid w:val="00ED4F7F"/>
    <w:rsid w:val="00ED7C9A"/>
    <w:rsid w:val="00EE14DC"/>
    <w:rsid w:val="00EE354E"/>
    <w:rsid w:val="00EE3A24"/>
    <w:rsid w:val="00EE6A19"/>
    <w:rsid w:val="00EE7157"/>
    <w:rsid w:val="00EE7275"/>
    <w:rsid w:val="00EF44F4"/>
    <w:rsid w:val="00EF7E7E"/>
    <w:rsid w:val="00F00833"/>
    <w:rsid w:val="00F00BF1"/>
    <w:rsid w:val="00F01DF4"/>
    <w:rsid w:val="00F11A1D"/>
    <w:rsid w:val="00F11A79"/>
    <w:rsid w:val="00F14720"/>
    <w:rsid w:val="00F17763"/>
    <w:rsid w:val="00F20C5B"/>
    <w:rsid w:val="00F241DE"/>
    <w:rsid w:val="00F24286"/>
    <w:rsid w:val="00F24CB4"/>
    <w:rsid w:val="00F26CEA"/>
    <w:rsid w:val="00F27ED0"/>
    <w:rsid w:val="00F32845"/>
    <w:rsid w:val="00F35D5A"/>
    <w:rsid w:val="00F361F5"/>
    <w:rsid w:val="00F36B70"/>
    <w:rsid w:val="00F41A9E"/>
    <w:rsid w:val="00F42BE4"/>
    <w:rsid w:val="00F4334A"/>
    <w:rsid w:val="00F4383A"/>
    <w:rsid w:val="00F43FC5"/>
    <w:rsid w:val="00F46AB1"/>
    <w:rsid w:val="00F4727F"/>
    <w:rsid w:val="00F51C5A"/>
    <w:rsid w:val="00F527D2"/>
    <w:rsid w:val="00F5755D"/>
    <w:rsid w:val="00F66C01"/>
    <w:rsid w:val="00F672F2"/>
    <w:rsid w:val="00F67A78"/>
    <w:rsid w:val="00F71230"/>
    <w:rsid w:val="00F71EE9"/>
    <w:rsid w:val="00F75496"/>
    <w:rsid w:val="00F77ECC"/>
    <w:rsid w:val="00F81063"/>
    <w:rsid w:val="00F81706"/>
    <w:rsid w:val="00F82ABC"/>
    <w:rsid w:val="00F961A8"/>
    <w:rsid w:val="00F971B3"/>
    <w:rsid w:val="00F97D39"/>
    <w:rsid w:val="00FA0468"/>
    <w:rsid w:val="00FA237A"/>
    <w:rsid w:val="00FA2442"/>
    <w:rsid w:val="00FA53EE"/>
    <w:rsid w:val="00FA5553"/>
    <w:rsid w:val="00FB0C42"/>
    <w:rsid w:val="00FB1C78"/>
    <w:rsid w:val="00FB2491"/>
    <w:rsid w:val="00FB3563"/>
    <w:rsid w:val="00FB3D86"/>
    <w:rsid w:val="00FB4238"/>
    <w:rsid w:val="00FB4C86"/>
    <w:rsid w:val="00FB5611"/>
    <w:rsid w:val="00FB5742"/>
    <w:rsid w:val="00FC1865"/>
    <w:rsid w:val="00FC48C9"/>
    <w:rsid w:val="00FC5246"/>
    <w:rsid w:val="00FC52B9"/>
    <w:rsid w:val="00FD3367"/>
    <w:rsid w:val="00FD3FA2"/>
    <w:rsid w:val="00FE0D68"/>
    <w:rsid w:val="00FE0EF1"/>
    <w:rsid w:val="00FE26B1"/>
    <w:rsid w:val="00FE592A"/>
    <w:rsid w:val="00FE727C"/>
    <w:rsid w:val="00FF1CE2"/>
    <w:rsid w:val="00FF38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16385"/>
    <o:shapelayout v:ext="edit">
      <o:idmap v:ext="edit" data="1"/>
    </o:shapelayout>
  </w:shapeDefaults>
  <w:decimalSymbol w:val="."/>
  <w:listSeparator w:val=";"/>
  <w14:docId w14:val="03DBEE39"/>
  <w15:docId w15:val="{3AE22C57-0505-A743-BD08-DDDCF0B3577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alibri" w:eastAsia="Times New Roman" w:hAnsi="Calibri" w:cs="Times New Roman"/>
        <w:lang w:val="de-CH" w:eastAsia="de-CH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 w:qFormat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qFormat="1"/>
    <w:lsdException w:name="Intense Quote" w:qFormat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Subtle Emphasis" w:qFormat="1"/>
    <w:lsdException w:name="Intense Emphasis" w:qFormat="1"/>
    <w:lsdException w:name="Subtle Reference" w:qFormat="1"/>
    <w:lsdException w:name="Intense Reference" w:qFormat="1"/>
    <w:lsdException w:name="Book Title" w:qFormat="1"/>
    <w:lsdException w:name="Bibliography" w:semiHidden="1" w:unhideWhenUsed="1"/>
    <w:lsdException w:name="TOC Heading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1628C6"/>
    <w:pPr>
      <w:spacing w:after="200" w:line="276" w:lineRule="auto"/>
    </w:pPr>
    <w:rPr>
      <w:sz w:val="22"/>
      <w:szCs w:val="22"/>
      <w:lang w:eastAsia="en-US"/>
    </w:rPr>
  </w:style>
  <w:style w:type="paragraph" w:styleId="berschrift3">
    <w:name w:val="heading 3"/>
    <w:basedOn w:val="Standard"/>
    <w:next w:val="Standard"/>
    <w:link w:val="berschrift3Zchn"/>
    <w:qFormat/>
    <w:rsid w:val="00FA5553"/>
    <w:pPr>
      <w:keepNext/>
      <w:spacing w:after="0" w:line="240" w:lineRule="auto"/>
      <w:jc w:val="center"/>
      <w:outlineLvl w:val="2"/>
    </w:pPr>
    <w:rPr>
      <w:rFonts w:ascii="Arial" w:hAnsi="Arial"/>
      <w:b/>
      <w:color w:val="000000"/>
      <w:sz w:val="20"/>
      <w:szCs w:val="20"/>
      <w:lang w:val="de-DE" w:eastAsia="de-DE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3Zchn">
    <w:name w:val="Überschrift 3 Zchn"/>
    <w:link w:val="berschrift3"/>
    <w:locked/>
    <w:rsid w:val="00FA5553"/>
    <w:rPr>
      <w:rFonts w:ascii="Arial" w:hAnsi="Arial"/>
      <w:b/>
      <w:color w:val="000000"/>
      <w:lang w:val="de-DE" w:eastAsia="de-DE"/>
    </w:rPr>
  </w:style>
  <w:style w:type="paragraph" w:styleId="Kopfzeile">
    <w:name w:val="header"/>
    <w:basedOn w:val="Standard"/>
    <w:link w:val="KopfzeileZchn"/>
    <w:uiPriority w:val="99"/>
    <w:rsid w:val="005E2474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link w:val="Kopfzeile"/>
    <w:uiPriority w:val="99"/>
    <w:locked/>
    <w:rsid w:val="005E2474"/>
    <w:rPr>
      <w:sz w:val="22"/>
      <w:lang w:eastAsia="en-US"/>
    </w:rPr>
  </w:style>
  <w:style w:type="paragraph" w:styleId="Fuzeile">
    <w:name w:val="footer"/>
    <w:basedOn w:val="Standard"/>
    <w:link w:val="FuzeileZchn"/>
    <w:rsid w:val="005E2474"/>
    <w:pPr>
      <w:tabs>
        <w:tab w:val="center" w:pos="4536"/>
        <w:tab w:val="right" w:pos="9072"/>
      </w:tabs>
    </w:pPr>
  </w:style>
  <w:style w:type="character" w:customStyle="1" w:styleId="FuzeileZchn">
    <w:name w:val="Fußzeile Zchn"/>
    <w:link w:val="Fuzeile"/>
    <w:locked/>
    <w:rsid w:val="005E2474"/>
    <w:rPr>
      <w:sz w:val="22"/>
      <w:lang w:eastAsia="en-US"/>
    </w:rPr>
  </w:style>
  <w:style w:type="paragraph" w:styleId="Funotentext">
    <w:name w:val="footnote text"/>
    <w:basedOn w:val="Standard"/>
    <w:link w:val="FunotentextZchn"/>
    <w:rsid w:val="0070071A"/>
    <w:pPr>
      <w:spacing w:after="0" w:line="240" w:lineRule="auto"/>
    </w:pPr>
    <w:rPr>
      <w:rFonts w:ascii="Arial" w:hAnsi="Arial"/>
      <w:sz w:val="20"/>
      <w:szCs w:val="20"/>
      <w:lang w:eastAsia="de-CH"/>
    </w:rPr>
  </w:style>
  <w:style w:type="character" w:customStyle="1" w:styleId="FunotentextZchn">
    <w:name w:val="Fußnotentext Zchn"/>
    <w:link w:val="Funotentext"/>
    <w:locked/>
    <w:rsid w:val="0070071A"/>
    <w:rPr>
      <w:rFonts w:ascii="Arial" w:hAnsi="Arial"/>
    </w:rPr>
  </w:style>
  <w:style w:type="character" w:styleId="Funotenzeichen">
    <w:name w:val="footnote reference"/>
    <w:rsid w:val="0070071A"/>
    <w:rPr>
      <w:vertAlign w:val="superscript"/>
    </w:rPr>
  </w:style>
  <w:style w:type="paragraph" w:customStyle="1" w:styleId="3CBD5A742C28424DA5172AD252E32316">
    <w:name w:val="3CBD5A742C28424DA5172AD252E32316"/>
    <w:rsid w:val="00E927C1"/>
    <w:pPr>
      <w:spacing w:after="200" w:line="276" w:lineRule="auto"/>
    </w:pPr>
    <w:rPr>
      <w:sz w:val="22"/>
      <w:szCs w:val="22"/>
    </w:rPr>
  </w:style>
  <w:style w:type="paragraph" w:styleId="Sprechblasentext">
    <w:name w:val="Balloon Text"/>
    <w:basedOn w:val="Standard"/>
    <w:link w:val="SprechblasentextZchn"/>
    <w:rsid w:val="00E927C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link w:val="Sprechblasentext"/>
    <w:locked/>
    <w:rsid w:val="00E927C1"/>
    <w:rPr>
      <w:rFonts w:ascii="Tahoma" w:hAnsi="Tahoma"/>
      <w:sz w:val="16"/>
      <w:lang w:eastAsia="en-US"/>
    </w:rPr>
  </w:style>
  <w:style w:type="table" w:styleId="Tabellenraster">
    <w:name w:val="Table Grid"/>
    <w:basedOn w:val="NormaleTabelle"/>
    <w:uiPriority w:val="59"/>
    <w:rsid w:val="005E21C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eitenzahl">
    <w:name w:val="page number"/>
    <w:rsid w:val="006968B2"/>
    <w:rPr>
      <w:rFonts w:cs="Times New Roman"/>
    </w:rPr>
  </w:style>
  <w:style w:type="character" w:styleId="Hyperlink">
    <w:name w:val="Hyperlink"/>
    <w:rsid w:val="005A61C4"/>
    <w:rPr>
      <w:color w:val="0000FF"/>
      <w:u w:val="single"/>
    </w:rPr>
  </w:style>
  <w:style w:type="table" w:customStyle="1" w:styleId="Tabellenraster1">
    <w:name w:val="Tabellenraster1"/>
    <w:basedOn w:val="NormaleTabelle"/>
    <w:next w:val="Tabellenraster"/>
    <w:uiPriority w:val="59"/>
    <w:rsid w:val="0070429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F4334A"/>
    <w:pPr>
      <w:autoSpaceDE w:val="0"/>
      <w:autoSpaceDN w:val="0"/>
      <w:adjustRightInd w:val="0"/>
    </w:pPr>
    <w:rPr>
      <w:rFonts w:cs="Calibri"/>
      <w:color w:val="000000"/>
      <w:sz w:val="24"/>
      <w:szCs w:val="24"/>
    </w:rPr>
  </w:style>
  <w:style w:type="character" w:styleId="Kommentarzeichen">
    <w:name w:val="annotation reference"/>
    <w:basedOn w:val="Absatz-Standardschriftart"/>
    <w:semiHidden/>
    <w:unhideWhenUsed/>
    <w:rsid w:val="001529C3"/>
    <w:rPr>
      <w:sz w:val="16"/>
      <w:szCs w:val="16"/>
    </w:rPr>
  </w:style>
  <w:style w:type="paragraph" w:styleId="Kommentartext">
    <w:name w:val="annotation text"/>
    <w:basedOn w:val="Standard"/>
    <w:link w:val="KommentartextZchn"/>
    <w:semiHidden/>
    <w:unhideWhenUsed/>
    <w:rsid w:val="001529C3"/>
    <w:pPr>
      <w:spacing w:line="240" w:lineRule="auto"/>
    </w:pPr>
    <w:rPr>
      <w:sz w:val="20"/>
      <w:szCs w:val="20"/>
    </w:rPr>
  </w:style>
  <w:style w:type="character" w:customStyle="1" w:styleId="KommentartextZchn">
    <w:name w:val="Kommentartext Zchn"/>
    <w:basedOn w:val="Absatz-Standardschriftart"/>
    <w:link w:val="Kommentartext"/>
    <w:semiHidden/>
    <w:rsid w:val="001529C3"/>
    <w:rPr>
      <w:lang w:eastAsia="en-US"/>
    </w:rPr>
  </w:style>
  <w:style w:type="paragraph" w:styleId="Kommentarthema">
    <w:name w:val="annotation subject"/>
    <w:basedOn w:val="Kommentartext"/>
    <w:next w:val="Kommentartext"/>
    <w:link w:val="KommentarthemaZchn"/>
    <w:semiHidden/>
    <w:unhideWhenUsed/>
    <w:rsid w:val="001529C3"/>
    <w:rPr>
      <w:b/>
      <w:bCs/>
    </w:rPr>
  </w:style>
  <w:style w:type="character" w:customStyle="1" w:styleId="KommentarthemaZchn">
    <w:name w:val="Kommentarthema Zchn"/>
    <w:basedOn w:val="KommentartextZchn"/>
    <w:link w:val="Kommentarthema"/>
    <w:semiHidden/>
    <w:rsid w:val="001529C3"/>
    <w:rPr>
      <w:b/>
      <w:bCs/>
      <w:lang w:eastAsia="en-US"/>
    </w:rPr>
  </w:style>
  <w:style w:type="paragraph" w:styleId="berarbeitung">
    <w:name w:val="Revision"/>
    <w:hidden/>
    <w:semiHidden/>
    <w:rsid w:val="001529C3"/>
    <w:rPr>
      <w:sz w:val="22"/>
      <w:szCs w:val="22"/>
      <w:lang w:eastAsia="en-US"/>
    </w:rPr>
  </w:style>
  <w:style w:type="paragraph" w:styleId="Aufzhlungszeichen2">
    <w:name w:val="List Bullet 2"/>
    <w:basedOn w:val="Standard"/>
    <w:qFormat/>
    <w:rsid w:val="00DA0828"/>
    <w:pPr>
      <w:numPr>
        <w:numId w:val="5"/>
      </w:numPr>
      <w:tabs>
        <w:tab w:val="clear" w:pos="568"/>
        <w:tab w:val="left" w:pos="397"/>
      </w:tabs>
      <w:spacing w:after="0" w:line="288" w:lineRule="auto"/>
      <w:ind w:left="396" w:hanging="198"/>
    </w:pPr>
    <w:rPr>
      <w:rFonts w:ascii="Arial" w:hAnsi="Arial"/>
      <w:sz w:val="20"/>
      <w:szCs w:val="24"/>
      <w:lang w:eastAsia="de-CH"/>
    </w:rPr>
  </w:style>
  <w:style w:type="paragraph" w:styleId="Listenabsatz">
    <w:name w:val="List Paragraph"/>
    <w:basedOn w:val="Standard"/>
    <w:uiPriority w:val="34"/>
    <w:qFormat/>
    <w:rsid w:val="00DA0828"/>
    <w:pPr>
      <w:spacing w:after="0" w:line="288" w:lineRule="auto"/>
      <w:ind w:left="720"/>
      <w:contextualSpacing/>
    </w:pPr>
    <w:rPr>
      <w:rFonts w:ascii="Arial" w:hAnsi="Arial"/>
      <w:sz w:val="20"/>
      <w:szCs w:val="24"/>
      <w:lang w:eastAsia="de-CH"/>
    </w:rPr>
  </w:style>
  <w:style w:type="character" w:styleId="BesuchterLink">
    <w:name w:val="FollowedHyperlink"/>
    <w:basedOn w:val="Absatz-Standardschriftart"/>
    <w:semiHidden/>
    <w:unhideWhenUsed/>
    <w:rsid w:val="008C794A"/>
    <w:rPr>
      <w:color w:val="800080" w:themeColor="followedHyperlink"/>
      <w:u w:val="single"/>
    </w:rPr>
  </w:style>
  <w:style w:type="character" w:styleId="Platzhaltertext">
    <w:name w:val="Placeholder Text"/>
    <w:basedOn w:val="Absatz-Standardschriftart"/>
    <w:uiPriority w:val="99"/>
    <w:semiHidden/>
    <w:rsid w:val="00591BBE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015573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1797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  <w:doNotSaveAsSingleFile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microsoft.com/office/2007/relationships/hdphoto" Target="media/hdphoto1.wdp"/><Relationship Id="rId18" Type="http://schemas.openxmlformats.org/officeDocument/2006/relationships/header" Target="header2.xml"/><Relationship Id="rId3" Type="http://schemas.openxmlformats.org/officeDocument/2006/relationships/customXml" Target="../customXml/item3.xml"/><Relationship Id="rId21" Type="http://schemas.openxmlformats.org/officeDocument/2006/relationships/header" Target="header3.xml"/><Relationship Id="rId7" Type="http://schemas.openxmlformats.org/officeDocument/2006/relationships/styles" Target="styles.xml"/><Relationship Id="rId12" Type="http://schemas.openxmlformats.org/officeDocument/2006/relationships/image" Target="media/image1.jpeg"/><Relationship Id="rId17" Type="http://schemas.openxmlformats.org/officeDocument/2006/relationships/header" Target="header1.xml"/><Relationship Id="rId25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image" Target="media/image3.png"/><Relationship Id="rId20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glossaryDocument" Target="glossary/document.xml"/><Relationship Id="rId5" Type="http://schemas.openxmlformats.org/officeDocument/2006/relationships/customXml" Target="../customXml/item5.xml"/><Relationship Id="rId15" Type="http://schemas.microsoft.com/office/2007/relationships/hdphoto" Target="media/hdphoto2.wdp"/><Relationship Id="rId23" Type="http://schemas.openxmlformats.org/officeDocument/2006/relationships/fontTable" Target="fontTable.xml"/><Relationship Id="rId10" Type="http://schemas.openxmlformats.org/officeDocument/2006/relationships/footnotes" Target="footnotes.xml"/><Relationship Id="rId19" Type="http://schemas.openxmlformats.org/officeDocument/2006/relationships/footer" Target="footer1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image" Target="media/image2.jpeg"/><Relationship Id="rId22" Type="http://schemas.openxmlformats.org/officeDocument/2006/relationships/footer" Target="footer3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5.jpeg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55BA315FA24848F68230014E42542697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98003105-DE1B-4247-A675-A4255B00409C}"/>
      </w:docPartPr>
      <w:docPartBody>
        <w:p w:rsidR="00A07E0D" w:rsidRDefault="009B534D" w:rsidP="009B534D">
          <w:pPr>
            <w:pStyle w:val="55BA315FA24848F68230014E42542697"/>
          </w:pPr>
          <w:r w:rsidRPr="00600E1E">
            <w:rPr>
              <w:rStyle w:val="Platzhaltertext"/>
            </w:rPr>
            <w:t>[Dokumentenart]</w:t>
          </w:r>
        </w:p>
      </w:docPartBody>
    </w:docPart>
    <w:docPart>
      <w:docPartPr>
        <w:name w:val="EBA901E597B742F3B7F1A5595D2E2C4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15280BA-1FFE-4DED-AA65-CC4A4CEA0173}"/>
      </w:docPartPr>
      <w:docPartBody>
        <w:p w:rsidR="00A07E0D" w:rsidRDefault="009B534D" w:rsidP="009B534D">
          <w:pPr>
            <w:pStyle w:val="EBA901E597B742F3B7F1A5595D2E2C4D"/>
          </w:pPr>
          <w:r w:rsidRPr="00600E1E">
            <w:rPr>
              <w:rStyle w:val="Platzhaltertext"/>
            </w:rPr>
            <w:t>[Dokumentenname]</w:t>
          </w:r>
        </w:p>
      </w:docPartBody>
    </w:docPart>
    <w:docPart>
      <w:docPartPr>
        <w:name w:val="ECEC4BEAB0CF465AA66262D0668F8289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9477BAB4-480B-4040-B212-B69BB71CF01E}"/>
      </w:docPartPr>
      <w:docPartBody>
        <w:p w:rsidR="00A07E0D" w:rsidRDefault="009B534D" w:rsidP="009B534D">
          <w:pPr>
            <w:pStyle w:val="ECEC4BEAB0CF465AA66262D0668F8289"/>
          </w:pPr>
          <w:r w:rsidRPr="00600E1E">
            <w:rPr>
              <w:rStyle w:val="Platzhaltertext"/>
            </w:rPr>
            <w:t>[Geprüft am]</w:t>
          </w:r>
        </w:p>
      </w:docPartBody>
    </w:docPart>
    <w:docPart>
      <w:docPartPr>
        <w:name w:val="89954A34F2234B2BA2B67241DC466FB0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EA893BB9-B117-4E0F-A548-2E414E7D14EC}"/>
      </w:docPartPr>
      <w:docPartBody>
        <w:p w:rsidR="00A07E0D" w:rsidRDefault="009B534D" w:rsidP="009B534D">
          <w:pPr>
            <w:pStyle w:val="89954A34F2234B2BA2B67241DC466FB0"/>
          </w:pPr>
          <w:r w:rsidRPr="00600E1E">
            <w:rPr>
              <w:rStyle w:val="Platzhaltertext"/>
            </w:rPr>
            <w:t>[Version als Text]</w:t>
          </w:r>
        </w:p>
      </w:docPartBody>
    </w:docPart>
    <w:docPart>
      <w:docPartPr>
        <w:name w:val="0DBBB695EC704ADC82202EBA419FF8B5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2B9A8CE9-E3B7-49CD-AC58-39D74B320358}"/>
      </w:docPartPr>
      <w:docPartBody>
        <w:p w:rsidR="00A07E0D" w:rsidRDefault="009B534D" w:rsidP="009B534D">
          <w:pPr>
            <w:pStyle w:val="0DBBB695EC704ADC82202EBA419FF8B5"/>
          </w:pPr>
          <w:r w:rsidRPr="00600E1E">
            <w:rPr>
              <w:rStyle w:val="Platzhaltertext"/>
            </w:rPr>
            <w:t>[Veröffentlicht am]</w:t>
          </w:r>
        </w:p>
      </w:docPartBody>
    </w:docPart>
    <w:docPart>
      <w:docPartPr>
        <w:name w:val="1F2130C26B50462B9EA79B4AA03AA9EB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8452F5A6-D87C-4878-AC65-2C4BE0A0DAC9}"/>
      </w:docPartPr>
      <w:docPartBody>
        <w:p w:rsidR="00A07E0D" w:rsidRDefault="009B534D" w:rsidP="009B534D">
          <w:pPr>
            <w:pStyle w:val="1F2130C26B50462B9EA79B4AA03AA9EB"/>
          </w:pPr>
          <w:r w:rsidRPr="00600E1E">
            <w:rPr>
              <w:rStyle w:val="Platzhaltertext"/>
            </w:rPr>
            <w:t>[Dokumentenart]</w:t>
          </w:r>
        </w:p>
      </w:docPartBody>
    </w:docPart>
    <w:docPart>
      <w:docPartPr>
        <w:name w:val="46D6DB68A50D45EAAB9F0085D4999020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655F1F0A-A419-401F-BDF5-DC0C8B0DEEB5}"/>
      </w:docPartPr>
      <w:docPartBody>
        <w:p w:rsidR="00A07E0D" w:rsidRDefault="009B534D" w:rsidP="009B534D">
          <w:pPr>
            <w:pStyle w:val="46D6DB68A50D45EAAB9F0085D4999020"/>
          </w:pPr>
          <w:r w:rsidRPr="00600E1E">
            <w:rPr>
              <w:rStyle w:val="Platzhaltertext"/>
            </w:rPr>
            <w:t>[Dokumentenname]</w:t>
          </w:r>
        </w:p>
      </w:docPartBody>
    </w:docPart>
    <w:docPart>
      <w:docPartPr>
        <w:name w:val="86154E4D9F04434DBBF7D4AD0026788F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BAAB79F5-BB21-47C5-9183-0746BE91191C}"/>
      </w:docPartPr>
      <w:docPartBody>
        <w:p w:rsidR="00A07E0D" w:rsidRDefault="009B534D" w:rsidP="009B534D">
          <w:pPr>
            <w:pStyle w:val="86154E4D9F04434DBBF7D4AD0026788F"/>
          </w:pPr>
          <w:r w:rsidRPr="00600E1E">
            <w:rPr>
              <w:rStyle w:val="Platzhaltertext"/>
            </w:rPr>
            <w:t>[Geprüft am]</w:t>
          </w:r>
        </w:p>
      </w:docPartBody>
    </w:docPart>
    <w:docPart>
      <w:docPartPr>
        <w:name w:val="61CF2DBD8525451CB174856E4E04AAA7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C5E44F13-5D3E-4115-8C6A-F754028EB469}"/>
      </w:docPartPr>
      <w:docPartBody>
        <w:p w:rsidR="00A07E0D" w:rsidRDefault="009B534D" w:rsidP="009B534D">
          <w:pPr>
            <w:pStyle w:val="61CF2DBD8525451CB174856E4E04AAA7"/>
          </w:pPr>
          <w:r w:rsidRPr="00600E1E">
            <w:rPr>
              <w:rStyle w:val="Platzhaltertext"/>
            </w:rPr>
            <w:t>[Version als Text]</w:t>
          </w:r>
        </w:p>
      </w:docPartBody>
    </w:docPart>
    <w:docPart>
      <w:docPartPr>
        <w:name w:val="D827DA1C80A9489CBD23F478E34DD55A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5394344-2E4D-455B-8C7D-B621A9921B13}"/>
      </w:docPartPr>
      <w:docPartBody>
        <w:p w:rsidR="00A07E0D" w:rsidRDefault="009B534D" w:rsidP="009B534D">
          <w:pPr>
            <w:pStyle w:val="D827DA1C80A9489CBD23F478E34DD55A"/>
          </w:pPr>
          <w:r w:rsidRPr="00600E1E">
            <w:rPr>
              <w:rStyle w:val="Platzhaltertext"/>
            </w:rPr>
            <w:t>[Veröffentlicht am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B534D"/>
    <w:rsid w:val="009B534D"/>
    <w:rsid w:val="00A07E0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de-CH" w:eastAsia="de-CH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Platzhaltertext">
    <w:name w:val="Placeholder Text"/>
    <w:basedOn w:val="Absatz-Standardschriftart"/>
    <w:uiPriority w:val="99"/>
    <w:semiHidden/>
    <w:rsid w:val="009B534D"/>
    <w:rPr>
      <w:color w:val="808080"/>
    </w:rPr>
  </w:style>
  <w:style w:type="paragraph" w:customStyle="1" w:styleId="55BA315FA24848F68230014E42542697">
    <w:name w:val="55BA315FA24848F68230014E42542697"/>
    <w:rsid w:val="009B534D"/>
  </w:style>
  <w:style w:type="paragraph" w:customStyle="1" w:styleId="EBA901E597B742F3B7F1A5595D2E2C4D">
    <w:name w:val="EBA901E597B742F3B7F1A5595D2E2C4D"/>
    <w:rsid w:val="009B534D"/>
  </w:style>
  <w:style w:type="paragraph" w:customStyle="1" w:styleId="ECEC4BEAB0CF465AA66262D0668F8289">
    <w:name w:val="ECEC4BEAB0CF465AA66262D0668F8289"/>
    <w:rsid w:val="009B534D"/>
  </w:style>
  <w:style w:type="paragraph" w:customStyle="1" w:styleId="89954A34F2234B2BA2B67241DC466FB0">
    <w:name w:val="89954A34F2234B2BA2B67241DC466FB0"/>
    <w:rsid w:val="009B534D"/>
  </w:style>
  <w:style w:type="paragraph" w:customStyle="1" w:styleId="0DBBB695EC704ADC82202EBA419FF8B5">
    <w:name w:val="0DBBB695EC704ADC82202EBA419FF8B5"/>
    <w:rsid w:val="009B534D"/>
  </w:style>
  <w:style w:type="paragraph" w:customStyle="1" w:styleId="1F2130C26B50462B9EA79B4AA03AA9EB">
    <w:name w:val="1F2130C26B50462B9EA79B4AA03AA9EB"/>
    <w:rsid w:val="009B534D"/>
  </w:style>
  <w:style w:type="paragraph" w:customStyle="1" w:styleId="46D6DB68A50D45EAAB9F0085D4999020">
    <w:name w:val="46D6DB68A50D45EAAB9F0085D4999020"/>
    <w:rsid w:val="009B534D"/>
  </w:style>
  <w:style w:type="paragraph" w:customStyle="1" w:styleId="86154E4D9F04434DBBF7D4AD0026788F">
    <w:name w:val="86154E4D9F04434DBBF7D4AD0026788F"/>
    <w:rsid w:val="009B534D"/>
  </w:style>
  <w:style w:type="paragraph" w:customStyle="1" w:styleId="61CF2DBD8525451CB174856E4E04AAA7">
    <w:name w:val="61CF2DBD8525451CB174856E4E04AAA7"/>
    <w:rsid w:val="009B534D"/>
  </w:style>
  <w:style w:type="paragraph" w:customStyle="1" w:styleId="D827DA1C80A9489CBD23F478E34DD55A">
    <w:name w:val="D827DA1C80A9489CBD23F478E34DD55A"/>
    <w:rsid w:val="009B534D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  <w:doNotSaveAsSingleFile/>
</w:webSetting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Gelenkte Dokumente SVSG" ma:contentTypeID="0x010100713832083F32DD4A8E13216628BA6E550100F056BE786169FC4E935023CF6959895D" ma:contentTypeVersion="85" ma:contentTypeDescription="Ein neues Dokument erstellen." ma:contentTypeScope="" ma:versionID="19059b80a78d518c9de18a52f1987844">
  <xsd:schema xmlns:xsd="http://www.w3.org/2001/XMLSchema" xmlns:xs="http://www.w3.org/2001/XMLSchema" xmlns:p="http://schemas.microsoft.com/office/2006/metadata/properties" xmlns:ns2="3316eb1d-2a89-4927-a9f3-e585862cb162" xmlns:ns3="883f61da-8488-4ed3-97b7-4fe646e4c38a" xmlns:ns4="0f63e6de-1ae7-4686-9785-82d8cb4fa327" xmlns:ns5="6f0bbb6d-8b5b-490c-9ecd-f82b9e3a7b3b" xmlns:ns6="051bce4c-71a7-46a7-b433-1e93f68d673c" xmlns:ns7="0aada5f9-0189-45d7-9ae8-c63adbacc090" xmlns:ns8="3a192790-bdc3-4cf3-bb7e-b0d2126ed4e8" xmlns:ns9="6e9f3656-8eeb-4f6f-b0ad-053843468f44" xmlns:ns10="f0cd3ec7-ba36-48c5-ad13-f0af2964da33" xmlns:ns11="484c8c59-755d-4516-b8d2-1621b38262b4" targetNamespace="http://schemas.microsoft.com/office/2006/metadata/properties" ma:root="true" ma:fieldsID="7f2a9e8c520bb43880e6dcfa0f89cfa8" ns2:_="" ns3:_="" ns4:_="" ns5:_="" ns6:_="" ns7:_="" ns8:_="" ns9:_="" ns10:_="" ns11:_="">
    <xsd:import namespace="3316eb1d-2a89-4927-a9f3-e585862cb162"/>
    <xsd:import namespace="883f61da-8488-4ed3-97b7-4fe646e4c38a"/>
    <xsd:import namespace="0f63e6de-1ae7-4686-9785-82d8cb4fa327"/>
    <xsd:import namespace="6f0bbb6d-8b5b-490c-9ecd-f82b9e3a7b3b"/>
    <xsd:import namespace="051bce4c-71a7-46a7-b433-1e93f68d673c"/>
    <xsd:import namespace="0aada5f9-0189-45d7-9ae8-c63adbacc090"/>
    <xsd:import namespace="3a192790-bdc3-4cf3-bb7e-b0d2126ed4e8"/>
    <xsd:import namespace="6e9f3656-8eeb-4f6f-b0ad-053843468f44"/>
    <xsd:import namespace="f0cd3ec7-ba36-48c5-ad13-f0af2964da33"/>
    <xsd:import namespace="484c8c59-755d-4516-b8d2-1621b38262b4"/>
    <xsd:element name="properties">
      <xsd:complexType>
        <xsd:sequence>
          <xsd:element name="documentManagement">
            <xsd:complexType>
              <xsd:all>
                <xsd:element ref="ns3:gwsscNotice" minOccurs="0"/>
                <xsd:element ref="ns4:gwsscChecked" minOccurs="0"/>
                <xsd:element ref="ns4:gwsscCheckedBy" minOccurs="0"/>
                <xsd:element ref="ns4:gwsscApproved" minOccurs="0"/>
                <xsd:element ref="ns4:gwsscApprovedBy" minOccurs="0"/>
                <xsd:element ref="ns5:gwsscApprovalInformation" minOccurs="0"/>
                <xsd:element ref="ns6:gwsscOwner"/>
                <xsd:element ref="ns7:gwsscConsulationBy" minOccurs="0"/>
                <xsd:element ref="ns5:gwsscFeedbackInformation" minOccurs="0"/>
                <xsd:element ref="ns6:gwsscCoordinator"/>
                <xsd:element ref="ns7:gwsscNextCheck" minOccurs="0"/>
                <xsd:element ref="ns8:gwsscOrgShort" minOccurs="0"/>
                <xsd:element ref="ns8:gwsscApprovalStatusTxt" minOccurs="0"/>
                <xsd:element ref="ns8:gwsscVersionTxt" minOccurs="0"/>
                <xsd:element ref="ns8:gwsscApprovedByTxt" minOccurs="0"/>
                <xsd:element ref="ns8:gwsscName" minOccurs="0"/>
                <xsd:element ref="ns6:gwsscReviewInterval" minOccurs="0"/>
                <xsd:element ref="ns4:gwsscModerationStatus" minOccurs="0"/>
                <xsd:element ref="ns9:gwsscApprovedByInitials" minOccurs="0"/>
                <xsd:element ref="ns9:gwsscCheckedByInitials" minOccurs="0"/>
                <xsd:element ref="ns9:gwsscModifiedByInitials" minOccurs="0"/>
                <xsd:element ref="ns9:gwsscModifiedDate" minOccurs="0"/>
                <xsd:element ref="ns10:gwsscOwnerInitials" minOccurs="0"/>
                <xsd:element ref="ns10:gwsscCoordinatorInitials" minOccurs="0"/>
                <xsd:element ref="ns7:gwsscApprovalWF" minOccurs="0"/>
                <xsd:element ref="ns7:gwsscFeedbackWF" minOccurs="0"/>
                <xsd:element ref="ns7:gwsscCreateDate" minOccurs="0"/>
                <xsd:element ref="ns11:TaxCatchAll" minOccurs="0"/>
                <xsd:element ref="ns11:TaxCatchAllLabel" minOccurs="0"/>
                <xsd:element ref="ns3:cf1ae9938a53438d9808f69e44942ab1" minOccurs="0"/>
                <xsd:element ref="ns3:cc0f6306b37b4decbbac2ef1a6a8951b" minOccurs="0"/>
                <xsd:element ref="ns3:bc84195e10814d609b564ff73937a7e4" minOccurs="0"/>
                <xsd:element ref="ns3:f030d503a854410da6cac9aa97e37479" minOccurs="0"/>
                <xsd:element ref="ns2:_dlc_DocIdUrl" minOccurs="0"/>
                <xsd:element ref="ns2:_dlc_DocIdPersistId" minOccurs="0"/>
                <xsd:element ref="ns2:_dlc_Doc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316eb1d-2a89-4927-a9f3-e585862cb162" elementFormDefault="qualified">
    <xsd:import namespace="http://schemas.microsoft.com/office/2006/documentManagement/types"/>
    <xsd:import namespace="http://schemas.microsoft.com/office/infopath/2007/PartnerControls"/>
    <xsd:element name="_dlc_DocIdUrl" ma:index="42" nillable="true" ma:displayName="Dokument-ID" ma:description="Permanenter Hyperlink zu diesem Dok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45" nillable="true" ma:displayName="Beständige ID" ma:description="ID beim Hinzufügen beibehalten." ma:hidden="true" ma:internalName="_dlc_DocIdPersistId" ma:readOnly="true">
      <xsd:simpleType>
        <xsd:restriction base="dms:Boolean"/>
      </xsd:simpleType>
    </xsd:element>
    <xsd:element name="_dlc_DocId" ma:index="47" nillable="true" ma:displayName="Wert der Dokument-ID" ma:description="Der Wert der diesem Element zugewiesenen Dokument-ID." ma:internalName="_dlc_DocId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83f61da-8488-4ed3-97b7-4fe646e4c38a" elementFormDefault="qualified">
    <xsd:import namespace="http://schemas.microsoft.com/office/2006/documentManagement/types"/>
    <xsd:import namespace="http://schemas.microsoft.com/office/infopath/2007/PartnerControls"/>
    <xsd:element name="gwsscNotice" ma:index="7" nillable="true" ma:displayName="Hinweis" ma:internalName="gwsscNotice" ma:readOnly="false">
      <xsd:simpleType>
        <xsd:restriction base="dms:Note">
          <xsd:maxLength value="255"/>
        </xsd:restriction>
      </xsd:simpleType>
    </xsd:element>
    <xsd:element name="cf1ae9938a53438d9808f69e44942ab1" ma:index="36" ma:taxonomy="true" ma:internalName="cf1ae9938a53438d9808f69e44942ab1" ma:taxonomyFieldName="gwsscDokumentenart" ma:displayName="Dokumentenart" ma:readOnly="false" ma:default="" ma:fieldId="{cf1ae993-8a53-438d-9808-f69e44942ab1}" ma:sspId="81586bc8-47dd-4de9-815a-c1da9b42e9bc" ma:termSetId="1cc741c5-a6ba-4bb8-894d-df1340c20a8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cc0f6306b37b4decbbac2ef1a6a8951b" ma:index="37" ma:taxonomy="true" ma:internalName="cc0f6306b37b4decbbac2ef1a6a8951b" ma:taxonomyFieldName="gwsscGueltigkeitsbereich" ma:displayName="Geltungsbereich" ma:readOnly="false" ma:default="" ma:fieldId="{cc0f6306-b37b-4dec-bbac-2ef1a6a8951b}" ma:sspId="81586bc8-47dd-4de9-815a-c1da9b42e9bc" ma:termSetId="6feae690-9314-4094-9ffc-d152dcc5ee7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bc84195e10814d609b564ff73937a7e4" ma:index="38" ma:taxonomy="true" ma:internalName="bc84195e10814d609b564ff73937a7e4" ma:taxonomyFieldName="gwsscInformationClassification" ma:displayName="Informationsklassifizierung" ma:readOnly="false" ma:default="2;#Intern|8ccfa8d6-7e8a-4dfc-9737-9adcc597c2fe" ma:fieldId="{bc84195e-1081-4d60-9b56-4ff73937a7e4}" ma:sspId="81586bc8-47dd-4de9-815a-c1da9b42e9bc" ma:termSetId="068385a4-61ee-4b51-b60f-89913f48a74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f030d503a854410da6cac9aa97e37479" ma:index="39" ma:taxonomy="true" ma:internalName="f030d503a854410da6cac9aa97e37479" ma:taxonomyFieldName="gwsscResponsibleOrg" ma:displayName="Verantwortlich" ma:readOnly="false" ma:default="" ma:fieldId="{f030d503-a854-410d-a6ca-c9aa97e37479}" ma:sspId="81586bc8-47dd-4de9-815a-c1da9b42e9bc" ma:termSetId="6feae690-9314-4094-9ffc-d152dcc5ee7d" ma:anchorId="00000000-0000-0000-0000-00000000000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f63e6de-1ae7-4686-9785-82d8cb4fa327" elementFormDefault="qualified">
    <xsd:import namespace="http://schemas.microsoft.com/office/2006/documentManagement/types"/>
    <xsd:import namespace="http://schemas.microsoft.com/office/infopath/2007/PartnerControls"/>
    <xsd:element name="gwsscChecked" ma:index="8" nillable="true" ma:displayName="Geprüft am" ma:format="DateOnly" ma:internalName="gwsscChecked" ma:readOnly="true">
      <xsd:simpleType>
        <xsd:restriction base="dms:DateTime"/>
      </xsd:simpleType>
    </xsd:element>
    <xsd:element name="gwsscCheckedBy" ma:index="9" nillable="true" ma:displayName="Geprüft durch" ma:list="UserInfo" ma:SharePointGroup="0" ma:internalName="gwsscCheckedBy" ma:readOnly="tru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gwsscApproved" ma:index="10" nillable="true" ma:displayName="Veröffentlicht am" ma:format="DateOnly" ma:internalName="gwsscApproved" ma:readOnly="true">
      <xsd:simpleType>
        <xsd:restriction base="dms:DateTime"/>
      </xsd:simpleType>
    </xsd:element>
    <xsd:element name="gwsscApprovedBy" ma:index="11" nillable="true" ma:displayName="Veröffentlicht durch" ma:list="UserInfo" ma:SharePointGroup="0" ma:internalName="gwsscApprovedBy" ma:readOnly="true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gwsscModerationStatus" ma:index="24" nillable="true" ma:displayName="ModerationStatus" ma:default="Entwurf" ma:format="Dropdown" ma:hidden="true" ma:internalName="gwsscModerationStatus" ma:readOnly="false">
      <xsd:simpleType>
        <xsd:restriction base="dms:Choice">
          <xsd:enumeration value="Entwurf"/>
          <xsd:enumeration value="Ausstehend"/>
          <xsd:enumeration value="Genehmigt"/>
          <xsd:enumeration value="Abgelehnt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f0bbb6d-8b5b-490c-9ecd-f82b9e3a7b3b" elementFormDefault="qualified">
    <xsd:import namespace="http://schemas.microsoft.com/office/2006/documentManagement/types"/>
    <xsd:import namespace="http://schemas.microsoft.com/office/infopath/2007/PartnerControls"/>
    <xsd:element name="gwsscApprovalInformation" ma:index="12" nillable="true" ma:displayName="Information zur Veröffentlichung" ma:internalName="gwsscApprovalInformation" ma:readOnly="true">
      <xsd:simpleType>
        <xsd:restriction base="dms:Note"/>
      </xsd:simpleType>
    </xsd:element>
    <xsd:element name="gwsscFeedbackInformation" ma:index="15" nillable="true" ma:displayName="Information zur Konsultation" ma:internalName="gwsscFeedbackInformation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51bce4c-71a7-46a7-b433-1e93f68d673c" elementFormDefault="qualified">
    <xsd:import namespace="http://schemas.microsoft.com/office/2006/documentManagement/types"/>
    <xsd:import namespace="http://schemas.microsoft.com/office/infopath/2007/PartnerControls"/>
    <xsd:element name="gwsscOwner" ma:index="13" ma:displayName="Autor" ma:list="UserInfo" ma:SharePointGroup="0" ma:internalName="gwsscOwne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gwsscCoordinator" ma:index="16" ma:displayName="Co-Autor" ma:list="UserInfo" ma:SharePointGroup="0" ma:internalName="gwsscCoordinato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gwsscReviewInterval" ma:index="23" nillable="true" ma:displayName="Prüfintervall" ma:decimals="0" ma:hidden="true" ma:internalName="gwsscReviewInterval" ma:readOnly="false" ma:percentage="FALSE">
      <xsd:simpleType>
        <xsd:restriction base="dms:Number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aada5f9-0189-45d7-9ae8-c63adbacc090" elementFormDefault="qualified">
    <xsd:import namespace="http://schemas.microsoft.com/office/2006/documentManagement/types"/>
    <xsd:import namespace="http://schemas.microsoft.com/office/infopath/2007/PartnerControls"/>
    <xsd:element name="gwsscConsulationBy" ma:index="14" nillable="true" ma:displayName="Konsultation durch" ma:internalName="gwsscConsulationBy" ma:readOnly="true">
      <xsd:simpleType>
        <xsd:restriction base="dms:Note"/>
      </xsd:simpleType>
    </xsd:element>
    <xsd:element name="gwsscNextCheck" ma:index="17" nillable="true" ma:displayName="Nächste Prüfung" ma:format="DateOnly" ma:internalName="gwsscNextCheck" ma:readOnly="true">
      <xsd:simpleType>
        <xsd:restriction base="dms:DateTime"/>
      </xsd:simpleType>
    </xsd:element>
    <xsd:element name="gwsscApprovalWF" ma:index="31" nillable="true" ma:displayName="gwsscApprovalWF" ma:hidden="true" ma:internalName="gwsscApprovalWF" ma:readOnly="false">
      <xsd:simpleType>
        <xsd:restriction base="dms:Text">
          <xsd:maxLength value="255"/>
        </xsd:restriction>
      </xsd:simpleType>
    </xsd:element>
    <xsd:element name="gwsscFeedbackWF" ma:index="32" nillable="true" ma:displayName="gwsscFeedbackWF" ma:hidden="true" ma:internalName="gwsscFeedbackWF" ma:readOnly="false">
      <xsd:simpleType>
        <xsd:restriction base="dms:Text">
          <xsd:maxLength value="255"/>
        </xsd:restriction>
      </xsd:simpleType>
    </xsd:element>
    <xsd:element name="gwsscCreateDate" ma:index="33" nillable="true" ma:displayName="Datum Erstellt" ma:format="DateTime" ma:hidden="true" ma:internalName="gwsscCreateDate" ma:readOnly="false">
      <xsd:simpleType>
        <xsd:restriction base="dms:DateTim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a192790-bdc3-4cf3-bb7e-b0d2126ed4e8" elementFormDefault="qualified">
    <xsd:import namespace="http://schemas.microsoft.com/office/2006/documentManagement/types"/>
    <xsd:import namespace="http://schemas.microsoft.com/office/infopath/2007/PartnerControls"/>
    <xsd:element name="gwsscOrgShort" ma:index="18" nillable="true" ma:displayName="Org Kürzel" ma:internalName="gwsscOrgShort" ma:readOnly="true">
      <xsd:simpleType>
        <xsd:restriction base="dms:Text">
          <xsd:maxLength value="255"/>
        </xsd:restriction>
      </xsd:simpleType>
    </xsd:element>
    <xsd:element name="gwsscApprovalStatusTxt" ma:index="19" nillable="true" ma:displayName="Genehmigungsstatus als Text" ma:internalName="gwsscApprovalStatusTxt" ma:readOnly="true">
      <xsd:simpleType>
        <xsd:restriction base="dms:Text">
          <xsd:maxLength value="255"/>
        </xsd:restriction>
      </xsd:simpleType>
    </xsd:element>
    <xsd:element name="gwsscVersionTxt" ma:index="20" nillable="true" ma:displayName="Version als Text" ma:internalName="gwsscVersionTxt" ma:readOnly="true">
      <xsd:simpleType>
        <xsd:restriction base="dms:Text">
          <xsd:maxLength value="255"/>
        </xsd:restriction>
      </xsd:simpleType>
    </xsd:element>
    <xsd:element name="gwsscApprovedByTxt" ma:index="21" nillable="true" ma:displayName="Veröffentlicht durch als Text" ma:internalName="gwsscApprovedByTxt" ma:readOnly="true">
      <xsd:simpleType>
        <xsd:restriction base="dms:Text">
          <xsd:maxLength value="255"/>
        </xsd:restriction>
      </xsd:simpleType>
    </xsd:element>
    <xsd:element name="gwsscName" ma:index="22" nillable="true" ma:displayName="Dokumentenname" ma:internalName="gwsscName" ma:readOnly="true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e9f3656-8eeb-4f6f-b0ad-053843468f44" elementFormDefault="qualified">
    <xsd:import namespace="http://schemas.microsoft.com/office/2006/documentManagement/types"/>
    <xsd:import namespace="http://schemas.microsoft.com/office/infopath/2007/PartnerControls"/>
    <xsd:element name="gwsscApprovedByInitials" ma:index="25" nillable="true" ma:displayName="Kurzzeichen Veröffentlicht durch" ma:hidden="true" ma:internalName="gwsscApprovedByInitials" ma:readOnly="false">
      <xsd:simpleType>
        <xsd:restriction base="dms:Text">
          <xsd:maxLength value="255"/>
        </xsd:restriction>
      </xsd:simpleType>
    </xsd:element>
    <xsd:element name="gwsscCheckedByInitials" ma:index="26" nillable="true" ma:displayName="Kurzzeichen Geprüft durch" ma:hidden="true" ma:internalName="gwsscCheckedByInitials" ma:readOnly="false">
      <xsd:simpleType>
        <xsd:restriction base="dms:Text">
          <xsd:maxLength value="255"/>
        </xsd:restriction>
      </xsd:simpleType>
    </xsd:element>
    <xsd:element name="gwsscModifiedByInitials" ma:index="27" nillable="true" ma:displayName="Kurzzeichen Geändert von" ma:hidden="true" ma:internalName="gwsscModifiedByInitials" ma:readOnly="false">
      <xsd:simpleType>
        <xsd:restriction base="dms:Text">
          <xsd:maxLength value="255"/>
        </xsd:restriction>
      </xsd:simpleType>
    </xsd:element>
    <xsd:element name="gwsscModifiedDate" ma:index="28" nillable="true" ma:displayName="Datum Geändert" ma:format="DateTime" ma:hidden="true" ma:internalName="gwsscModifiedDate" ma:readOnly="false">
      <xsd:simpleType>
        <xsd:restriction base="dms:DateTim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0cd3ec7-ba36-48c5-ad13-f0af2964da33" elementFormDefault="qualified">
    <xsd:import namespace="http://schemas.microsoft.com/office/2006/documentManagement/types"/>
    <xsd:import namespace="http://schemas.microsoft.com/office/infopath/2007/PartnerControls"/>
    <xsd:element name="gwsscOwnerInitials" ma:index="29" nillable="true" ma:displayName="Kurzzeichen Autor" ma:hidden="true" ma:internalName="gwsscOwnerInitials" ma:readOnly="false">
      <xsd:simpleType>
        <xsd:restriction base="dms:Text">
          <xsd:maxLength value="255"/>
        </xsd:restriction>
      </xsd:simpleType>
    </xsd:element>
    <xsd:element name="gwsscCoordinatorInitials" ma:index="30" nillable="true" ma:displayName="Kurzzeichen Co-Autor" ma:hidden="true" ma:internalName="gwsscCoordinatorInitials" ma:readOnly="false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4c8c59-755d-4516-b8d2-1621b38262b4" elementFormDefault="qualified">
    <xsd:import namespace="http://schemas.microsoft.com/office/2006/documentManagement/types"/>
    <xsd:import namespace="http://schemas.microsoft.com/office/infopath/2007/PartnerControls"/>
    <xsd:element name="TaxCatchAll" ma:index="34" nillable="true" ma:displayName="Taxonomy Catch All Column" ma:hidden="true" ma:list="{8a22a32a-8da2-4a05-afba-75f6f3155583}" ma:internalName="TaxCatchAll" ma:readOnly="false" ma:showField="CatchAllData" ma:web="3316eb1d-2a89-4927-a9f3-e585862cb16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35" nillable="true" ma:displayName="Taxonomy Catch All Column1" ma:hidden="true" ma:list="{8a22a32a-8da2-4a05-afba-75f6f3155583}" ma:internalName="TaxCatchAllLabel" ma:readOnly="false" ma:showField="CatchAllDataLabel" ma:web="3316eb1d-2a89-4927-a9f3-e585862cb16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altstyp"/>
        <xsd:element ref="dc:title" maxOccurs="1" ma:index="2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gwsscOwner xmlns="051bce4c-71a7-46a7-b433-1e93f68d673c">
      <UserInfo>
        <DisplayName>Streuli Jürg OKS-PPC</DisplayName>
        <AccountId>18</AccountId>
        <AccountType/>
      </UserInfo>
    </gwsscOwner>
    <gwsscCoordinator xmlns="051bce4c-71a7-46a7-b433-1e93f68d673c">
      <UserInfo>
        <DisplayName>Wanzenried Miriam OKS-BW</DisplayName>
        <AccountId>20</AccountId>
        <AccountType/>
      </UserInfo>
    </gwsscCoordinator>
    <gwsscModerationStatus xmlns="0f63e6de-1ae7-4686-9785-82d8cb4fa327">Entwurf</gwsscModerationStatus>
    <gwsscOwnerInitials xmlns="f0cd3ec7-ba36-48c5-ad13-f0af2964da33" xsi:nil="true"/>
    <gwsscApprovedByInitials xmlns="6e9f3656-8eeb-4f6f-b0ad-053843468f44" xsi:nil="true"/>
    <gwsscCheckedByInitials xmlns="6e9f3656-8eeb-4f6f-b0ad-053843468f44">Microsoft.SharePoint.Client.ClientResult`1[System.String]</gwsscCheckedByInitials>
    <gwsscModifiedByInitials xmlns="6e9f3656-8eeb-4f6f-b0ad-053843468f44" xsi:nil="true"/>
    <gwsscCoordinatorInitials xmlns="f0cd3ec7-ba36-48c5-ad13-f0af2964da33" xsi:nil="true"/>
    <gwsscModifiedDate xmlns="6e9f3656-8eeb-4f6f-b0ad-053843468f44">2025-02-10T16:27:10+00:00</gwsscModifiedDate>
    <gwsscFeedbackWF xmlns="0aada5f9-0189-45d7-9ae8-c63adbacc090" xsi:nil="true"/>
    <gwsscApprovalWF xmlns="0aada5f9-0189-45d7-9ae8-c63adbacc090">0#;Approved</gwsscApprovalWF>
    <gwsscCreateDate xmlns="0aada5f9-0189-45d7-9ae8-c63adbacc090">2024-09-16T12:28:13+00:00</gwsscCreateDate>
    <gwsscApprovedBy xmlns="0f63e6de-1ae7-4686-9785-82d8cb4fa327">
      <UserInfo>
        <DisplayName>i:0#.w|sghcare\oks-mb07</DisplayName>
        <AccountId>20</AccountId>
        <AccountType/>
      </UserInfo>
    </gwsscApprovedBy>
    <gwsscCheckedBy xmlns="0f63e6de-1ae7-4686-9785-82d8cb4fa327">
      <UserInfo>
        <DisplayName>Wollny Maxi OKS-QMR</DisplayName>
        <AccountId>163</AccountId>
        <AccountType/>
      </UserInfo>
    </gwsscCheckedBy>
    <gwsscConsulationBy xmlns="0aada5f9-0189-45d7-9ae8-c63adbacc090" xsi:nil="true"/>
    <gwsscChecked xmlns="0f63e6de-1ae7-4686-9785-82d8cb4fa327">2025-02-10T16:46:07+00:00</gwsscChecked>
    <gwsscNextCheck xmlns="0aada5f9-0189-45d7-9ae8-c63adbacc090">2027-02-10T16:48:35+00:00</gwsscNextCheck>
    <gwsscApproved xmlns="0f63e6de-1ae7-4686-9785-82d8cb4fa327">2025-02-10T16:48:35+00:00</gwsscApproved>
    <_dlc_DocIdUrl xmlns="3316eb1d-2a89-4927-a9f3-e585862cb162">
      <Url>https://www.pulsnet.ch/sites/ORG-PACT-PACT/_layouts/15/DocIdRedir.aspx?ID=KVDTPMH6XH5E-949304491-53</Url>
      <Description>KVDTPMH6XH5E-949304491-53</Description>
    </_dlc_DocIdUrl>
    <TaxCatchAll xmlns="484c8c59-755d-4516-b8d2-1621b38262b4">
      <Value>4</Value>
      <Value>3</Value>
      <Value>2</Value>
      <Value>1</Value>
    </TaxCatchAll>
    <TaxCatchAllLabel xmlns="484c8c59-755d-4516-b8d2-1621b38262b4"/>
    <gwsscName xmlns="3a192790-bdc3-4cf3-bb7e-b0d2126ed4e8">Betreuungsplan.docx</gwsscName>
    <gwsscApprovalInformation xmlns="6f0bbb6d-8b5b-490c-9ecd-f82b9e3a7b3b">&lt;div&gt;&lt;strong&gt;Wanzenried Miriam OKS-BW&lt;/strong&gt; (Genehmigt) &amp;#58; -&lt;/div&gt;&lt;/br&gt;</gwsscApprovalInformation>
    <gwsscFeedbackInformation xmlns="6f0bbb6d-8b5b-490c-9ecd-f82b9e3a7b3b" xsi:nil="true"/>
    <cf1ae9938a53438d9808f69e44942ab1 xmlns="883f61da-8488-4ed3-97b7-4fe646e4c38a">
      <Terms xmlns="http://schemas.microsoft.com/office/infopath/2007/PartnerControls">
        <TermInfo xmlns="http://schemas.microsoft.com/office/infopath/2007/PartnerControls">
          <TermName xmlns="http://schemas.microsoft.com/office/infopath/2007/PartnerControls">Formular</TermName>
          <TermId xmlns="http://schemas.microsoft.com/office/infopath/2007/PartnerControls">d3167627-374f-4b22-8bc3-7f98d34229b2</TermId>
        </TermInfo>
      </Terms>
    </cf1ae9938a53438d9808f69e44942ab1>
    <cc0f6306b37b4decbbac2ef1a6a8951b xmlns="883f61da-8488-4ed3-97b7-4fe646e4c38a">
      <Terms xmlns="http://schemas.microsoft.com/office/infopath/2007/PartnerControls">
        <TermInfo xmlns="http://schemas.microsoft.com/office/infopath/2007/PartnerControls">
          <TermName xmlns="http://schemas.microsoft.com/office/infopath/2007/PartnerControls">OKS</TermName>
          <TermId xmlns="http://schemas.microsoft.com/office/infopath/2007/PartnerControls">38e2fa43-ee0b-4e18-9c76-0533c1668e9d</TermId>
        </TermInfo>
      </Terms>
    </cc0f6306b37b4decbbac2ef1a6a8951b>
    <gwsscReviewInterval xmlns="051bce4c-71a7-46a7-b433-1e93f68d673c">24</gwsscReviewInterval>
    <f030d503a854410da6cac9aa97e37479 xmlns="883f61da-8488-4ed3-97b7-4fe646e4c38a">
      <Terms xmlns="http://schemas.microsoft.com/office/infopath/2007/PartnerControls">
        <TermInfo xmlns="http://schemas.microsoft.com/office/infopath/2007/PartnerControls">
          <TermName xmlns="http://schemas.microsoft.com/office/infopath/2007/PartnerControls">PACT (Palliative Care)</TermName>
          <TermId xmlns="http://schemas.microsoft.com/office/infopath/2007/PartnerControls">4f871683-b093-4485-8d10-efd292818783</TermId>
        </TermInfo>
      </Terms>
    </f030d503a854410da6cac9aa97e37479>
    <bc84195e10814d609b564ff73937a7e4 xmlns="883f61da-8488-4ed3-97b7-4fe646e4c38a">
      <Terms xmlns="http://schemas.microsoft.com/office/infopath/2007/PartnerControls">
        <TermInfo xmlns="http://schemas.microsoft.com/office/infopath/2007/PartnerControls">
          <TermName xmlns="http://schemas.microsoft.com/office/infopath/2007/PartnerControls">Intern</TermName>
          <TermId xmlns="http://schemas.microsoft.com/office/infopath/2007/PartnerControls">8ccfa8d6-7e8a-4dfc-9737-9adcc597c2fe</TermId>
        </TermInfo>
      </Terms>
    </bc84195e10814d609b564ff73937a7e4>
    <gwsscNotice xmlns="883f61da-8488-4ed3-97b7-4fe646e4c38a" xsi:nil="true"/>
    <_dlc_DocId xmlns="3316eb1d-2a89-4927-a9f3-e585862cb162">KVDTPMH6XH5E-949304491-53</_dlc_DocId>
    <gwsscApprovalStatusTxt xmlns="3a192790-bdc3-4cf3-bb7e-b0d2126ed4e8">Genehmigt</gwsscApprovalStatusTxt>
    <gwsscVersionTxt xmlns="3a192790-bdc3-4cf3-bb7e-b0d2126ed4e8">4.0</gwsscVersionTxt>
    <gwsscOrgShort xmlns="3a192790-bdc3-4cf3-bb7e-b0d2126ed4e8" xsi:nil="true"/>
    <gwsscApprovedByTxt xmlns="3a192790-bdc3-4cf3-bb7e-b0d2126ed4e8">Wanzenried Miriam OKS-BW</gwsscApprovedByTxt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DE944CE-CD1D-4A92-BA24-DE4EDD643C5A}"/>
</file>

<file path=customXml/itemProps2.xml><?xml version="1.0" encoding="utf-8"?>
<ds:datastoreItem xmlns:ds="http://schemas.openxmlformats.org/officeDocument/2006/customXml" ds:itemID="{42D88094-31A5-4134-867C-5A176EF3CAD3}"/>
</file>

<file path=customXml/itemProps3.xml><?xml version="1.0" encoding="utf-8"?>
<ds:datastoreItem xmlns:ds="http://schemas.openxmlformats.org/officeDocument/2006/customXml" ds:itemID="{BAFDAA3B-2454-4334-9C6E-381889897598}"/>
</file>

<file path=customXml/itemProps4.xml><?xml version="1.0" encoding="utf-8"?>
<ds:datastoreItem xmlns:ds="http://schemas.openxmlformats.org/officeDocument/2006/customXml" ds:itemID="{C7C7D5B7-C6AE-443D-BC82-21F4D7D02FA8}"/>
</file>

<file path=customXml/itemProps5.xml><?xml version="1.0" encoding="utf-8"?>
<ds:datastoreItem xmlns:ds="http://schemas.openxmlformats.org/officeDocument/2006/customXml" ds:itemID="{8912015A-1B62-4F76-9DFD-E60E1C715026}"/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537</Words>
  <Characters>3388</Characters>
  <Application>Microsoft Office Word</Application>
  <DocSecurity>0</DocSecurity>
  <Lines>28</Lines>
  <Paragraphs>7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Betreuungsplan</vt:lpstr>
      <vt:lpstr>Betreuungsplan                                                                                                                0    0</vt:lpstr>
    </vt:vector>
  </TitlesOfParts>
  <Company>Informatik SSC-IT</Company>
  <LinksUpToDate>false</LinksUpToDate>
  <CharactersWithSpaces>3918</CharactersWithSpaces>
  <SharedDoc>false</SharedDoc>
  <HyperlinkBase/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etreuungsplan</dc:title>
  <dc:creator>Version IMPACT-PPC-OKS</dc:creator>
  <cp:lastModifiedBy>Wanzenried Miriam OKS-BW</cp:lastModifiedBy>
  <cp:revision>9</cp:revision>
  <cp:lastPrinted>2024-02-05T13:33:00Z</cp:lastPrinted>
  <dcterms:created xsi:type="dcterms:W3CDTF">2025-02-10T10:00:00Z</dcterms:created>
  <dcterms:modified xsi:type="dcterms:W3CDTF">2025-02-10T16:4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ContentTypeId">
    <vt:lpwstr>0x010100713832083F32DD4A8E13216628BA6E550100F056BE786169FC4E935023CF6959895D</vt:lpwstr>
  </property>
  <property fmtid="{D5CDD505-2E9C-101B-9397-08002B2CF9AE}" pid="4" name="_dlc_DocIdItemGuid">
    <vt:lpwstr>d7c3da21-addd-4c01-a963-1782edac9c15</vt:lpwstr>
  </property>
  <property fmtid="{D5CDD505-2E9C-101B-9397-08002B2CF9AE}" pid="5" name="_dlc_DocId">
    <vt:lpwstr>OKSWEB-911134460-187</vt:lpwstr>
  </property>
  <property fmtid="{D5CDD505-2E9C-101B-9397-08002B2CF9AE}" pid="6" name="_dlc_DocIdUrl">
    <vt:lpwstr>https://www.oksweb.ch/Teams/T1255/_layouts/15/DocIdRedir.aspx?ID=TEAMS-1726456470-661, TEAMS-1726456470-661</vt:lpwstr>
  </property>
  <property fmtid="{D5CDD505-2E9C-101B-9397-08002B2CF9AE}" pid="7" name="gwsscDokumentenart">
    <vt:lpwstr>4;#Formular|d3167627-374f-4b22-8bc3-7f98d34229b2</vt:lpwstr>
  </property>
  <property fmtid="{D5CDD505-2E9C-101B-9397-08002B2CF9AE}" pid="8" name="gwsscDisziplin">
    <vt:lpwstr>16;#Andere|4531392e-9235-4a64-8a5b-8a041c9509e6</vt:lpwstr>
  </property>
  <property fmtid="{D5CDD505-2E9C-101B-9397-08002B2CF9AE}" pid="9" name="gwsscFachbereichGruppe">
    <vt:lpwstr>8;#Palliative Care|4b6b035c-710c-4ef3-922a-34d004edf8a2</vt:lpwstr>
  </property>
  <property fmtid="{D5CDD505-2E9C-101B-9397-08002B2CF9AE}" pid="10" name="gwsscGueltigkeitsbereich">
    <vt:lpwstr>3;#OKS|38e2fa43-ee0b-4e18-9c76-0533c1668e9d</vt:lpwstr>
  </property>
  <property fmtid="{D5CDD505-2E9C-101B-9397-08002B2CF9AE}" pid="11" name="gwsscResponsibleOrg">
    <vt:lpwstr>1;#PACT (Palliative Care)|4f871683-b093-4485-8d10-efd292818783</vt:lpwstr>
  </property>
  <property fmtid="{D5CDD505-2E9C-101B-9397-08002B2CF9AE}" pid="12" name="gwsscInformationClassification">
    <vt:lpwstr>2;#Intern|8ccfa8d6-7e8a-4dfc-9737-9adcc597c2fe</vt:lpwstr>
  </property>
  <property fmtid="{D5CDD505-2E9C-101B-9397-08002B2CF9AE}" pid="13" name="URL">
    <vt:lpwstr/>
  </property>
</Properties>
</file>